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中学校（横浜市・川崎市・相模原市以外）" sheetId="1" r:id="rId1"/>
  </sheets>
  <definedNames>
    <definedName name="_xlnm.Print_Area" localSheetId="0">'中学校（横浜市・川崎市・相模原市以外）'!$A$1:$H$180</definedName>
    <definedName name="_xlnm.Print_Titles" localSheetId="0">'中学校（横浜市・川崎市・相模原市以外）'!$4:$4</definedName>
  </definedNames>
  <calcPr calcId="152511"/>
</workbook>
</file>

<file path=xl/sharedStrings.xml><?xml version="1.0" encoding="utf-8"?>
<sst xmlns="http://schemas.openxmlformats.org/spreadsheetml/2006/main" count="1120" uniqueCount="1092">
  <si>
    <t>（本校6校）</t>
    <rPh sb="1" eb="3">
      <t>ホンコウ</t>
    </rPh>
    <rPh sb="4" eb="5">
      <t>コウ</t>
    </rPh>
    <phoneticPr fontId="1"/>
  </si>
  <si>
    <t>-</t>
    <phoneticPr fontId="1"/>
  </si>
  <si>
    <t>（本校5校）</t>
    <rPh sb="1" eb="3">
      <t>ホンコウ</t>
    </rPh>
    <rPh sb="4" eb="5">
      <t>コウ</t>
    </rPh>
    <phoneticPr fontId="1"/>
  </si>
  <si>
    <t>ながさわ</t>
    <phoneticPr fontId="2"/>
  </si>
  <si>
    <t>横須賀市</t>
    <rPh sb="0" eb="4">
      <t>ヨコスカシ</t>
    </rPh>
    <phoneticPr fontId="1"/>
  </si>
  <si>
    <t>237-0061</t>
  </si>
  <si>
    <t>横須賀市夏島町12</t>
  </si>
  <si>
    <t>237-0066</t>
  </si>
  <si>
    <t>横須賀市湘南鷹取2-30-1</t>
  </si>
  <si>
    <t>たうら</t>
    <phoneticPr fontId="1"/>
  </si>
  <si>
    <t>237-0076</t>
  </si>
  <si>
    <t>横須賀市船越町7-66</t>
  </si>
  <si>
    <t>横須賀市立坂本中学校</t>
    <phoneticPr fontId="2"/>
  </si>
  <si>
    <t>さかもと</t>
    <phoneticPr fontId="2"/>
  </si>
  <si>
    <t>238-0043</t>
  </si>
  <si>
    <t>横須賀市坂本町1-19</t>
  </si>
  <si>
    <t>横須賀市立不入斗中学校</t>
    <phoneticPr fontId="2"/>
  </si>
  <si>
    <t>いりやまず</t>
    <phoneticPr fontId="2"/>
  </si>
  <si>
    <t>横須賀市立常葉中学校</t>
    <phoneticPr fontId="2"/>
  </si>
  <si>
    <t>ときわ</t>
    <phoneticPr fontId="1"/>
  </si>
  <si>
    <t>238-0004</t>
  </si>
  <si>
    <t>横須賀市小川町18</t>
  </si>
  <si>
    <t>横須賀市立公郷中学校</t>
    <phoneticPr fontId="2"/>
  </si>
  <si>
    <t>くごう</t>
    <phoneticPr fontId="1"/>
  </si>
  <si>
    <t>238-0022</t>
  </si>
  <si>
    <t>横須賀市公郷町5-81</t>
  </si>
  <si>
    <t>横須賀市立池上中学校</t>
    <phoneticPr fontId="2"/>
  </si>
  <si>
    <t>いけがみ</t>
    <phoneticPr fontId="2"/>
  </si>
  <si>
    <t>238-0035</t>
  </si>
  <si>
    <t>横須賀市池上3-5-1</t>
  </si>
  <si>
    <t>横須賀市立衣笠中学校</t>
    <phoneticPr fontId="2"/>
  </si>
  <si>
    <t>きぬがさ</t>
    <phoneticPr fontId="2"/>
  </si>
  <si>
    <t>238-0032</t>
  </si>
  <si>
    <t>横須賀市平作2-31-1</t>
  </si>
  <si>
    <t>横須賀市立大矢部中学校</t>
    <phoneticPr fontId="2"/>
  </si>
  <si>
    <t>おおやべ</t>
    <phoneticPr fontId="2"/>
  </si>
  <si>
    <t>238-0023</t>
  </si>
  <si>
    <t>横須賀市森崎5-14-2</t>
  </si>
  <si>
    <t>おおつ</t>
    <phoneticPr fontId="1"/>
  </si>
  <si>
    <t>239-0808</t>
  </si>
  <si>
    <t>横須賀市大津町5-2-1</t>
  </si>
  <si>
    <t>まぼり</t>
    <phoneticPr fontId="1"/>
  </si>
  <si>
    <t>239-0802</t>
  </si>
  <si>
    <t>横須賀市馬堀町4-10-2</t>
  </si>
  <si>
    <t>うらが</t>
    <phoneticPr fontId="1"/>
  </si>
  <si>
    <t>239-0822</t>
  </si>
  <si>
    <t>239-0813</t>
  </si>
  <si>
    <t>かもい</t>
    <phoneticPr fontId="1"/>
  </si>
  <si>
    <t>横須賀市鴨居3-2-2</t>
  </si>
  <si>
    <t>いわと</t>
    <phoneticPr fontId="1"/>
  </si>
  <si>
    <t>239-0844</t>
  </si>
  <si>
    <t>横須賀市岩戸5-6-3</t>
  </si>
  <si>
    <t>239-0831</t>
  </si>
  <si>
    <t>横須賀市久里浜2-11-1</t>
  </si>
  <si>
    <t>しんめい</t>
    <phoneticPr fontId="2"/>
  </si>
  <si>
    <t>239-0832</t>
  </si>
  <si>
    <t>横須賀市神明町903</t>
  </si>
  <si>
    <t>のび</t>
    <phoneticPr fontId="1"/>
  </si>
  <si>
    <t>239-0841</t>
  </si>
  <si>
    <t>横須賀市野比4-4-1</t>
  </si>
  <si>
    <t>239-0842</t>
  </si>
  <si>
    <t>横須賀市長沢1-30-17</t>
  </si>
  <si>
    <t>横須賀市長沢5-1-1</t>
  </si>
  <si>
    <t>ながい</t>
    <phoneticPr fontId="1"/>
  </si>
  <si>
    <t>238-0316</t>
  </si>
  <si>
    <t>横須賀市長井5-12-1</t>
  </si>
  <si>
    <t>横須賀市立武山中学校</t>
    <phoneticPr fontId="2"/>
  </si>
  <si>
    <t>たけやま</t>
    <phoneticPr fontId="2"/>
  </si>
  <si>
    <t>238-0313</t>
  </si>
  <si>
    <t>横須賀市武3-31-1</t>
  </si>
  <si>
    <t>横須賀市立大楠中学校</t>
    <phoneticPr fontId="2"/>
  </si>
  <si>
    <t>おおぐす</t>
    <phoneticPr fontId="2"/>
  </si>
  <si>
    <t>240-0104</t>
  </si>
  <si>
    <t>横須賀市芦名1-2-1</t>
  </si>
  <si>
    <t>藤沢市</t>
    <rPh sb="0" eb="3">
      <t>フジサワシ</t>
    </rPh>
    <phoneticPr fontId="1"/>
  </si>
  <si>
    <t>藤沢市立第一中学校</t>
    <rPh sb="0" eb="2">
      <t>フジサワ</t>
    </rPh>
    <phoneticPr fontId="2"/>
  </si>
  <si>
    <t>251-0021</t>
  </si>
  <si>
    <t>藤沢市鵠沼神明5-10-9</t>
  </si>
  <si>
    <t>（本校19校）</t>
    <rPh sb="1" eb="3">
      <t>ホンコウ</t>
    </rPh>
    <rPh sb="5" eb="6">
      <t>コウ</t>
    </rPh>
    <phoneticPr fontId="1"/>
  </si>
  <si>
    <t>251-0042</t>
  </si>
  <si>
    <t>藤沢市辻堂新町2-13-1</t>
  </si>
  <si>
    <t>251-0027</t>
  </si>
  <si>
    <t>藤沢市鵠沼桜が岡4-3-37</t>
  </si>
  <si>
    <t>252-0813</t>
  </si>
  <si>
    <t>藤沢市亀井野1000</t>
  </si>
  <si>
    <t>251-0033</t>
  </si>
  <si>
    <t>藤沢市片瀬山4-1-1</t>
  </si>
  <si>
    <t>252-0821</t>
  </si>
  <si>
    <t>藤沢市用田500</t>
  </si>
  <si>
    <t>251-0045</t>
  </si>
  <si>
    <t>藤沢市辻堂東海岸4-17-1</t>
  </si>
  <si>
    <t>ちょうご</t>
    <phoneticPr fontId="1"/>
  </si>
  <si>
    <t>252-0807</t>
  </si>
  <si>
    <t>藤沢市下土棚590</t>
  </si>
  <si>
    <t>251-0004</t>
  </si>
  <si>
    <t>藤沢市藤が岡3-18-1</t>
  </si>
  <si>
    <t>251-0046</t>
  </si>
  <si>
    <t>藤沢市辻堂西海岸1-4-3</t>
  </si>
  <si>
    <t>252-0815</t>
  </si>
  <si>
    <t>藤沢市石川3988-1</t>
  </si>
  <si>
    <t>252-0816</t>
  </si>
  <si>
    <t>藤沢市遠藤2000-2</t>
  </si>
  <si>
    <t>おおば</t>
    <phoneticPr fontId="1"/>
  </si>
  <si>
    <t>251-0861</t>
  </si>
  <si>
    <t>藤沢市大庭5416-6</t>
  </si>
  <si>
    <t>251-0016</t>
  </si>
  <si>
    <t>藤沢市弥勒寺2-1-27</t>
  </si>
  <si>
    <t>252-0804</t>
  </si>
  <si>
    <t>藤沢市湘南台7-18-1</t>
  </si>
  <si>
    <t>たかくら</t>
    <phoneticPr fontId="1"/>
  </si>
  <si>
    <t>252-0802</t>
  </si>
  <si>
    <t>藤沢市高倉1122</t>
  </si>
  <si>
    <t>藤沢市遠藤699-3</t>
  </si>
  <si>
    <t>251-0002</t>
  </si>
  <si>
    <t>藤沢市大鋸1400</t>
  </si>
  <si>
    <t>はとり</t>
    <phoneticPr fontId="1"/>
  </si>
  <si>
    <t>251-0056</t>
  </si>
  <si>
    <t>鎌倉市</t>
    <rPh sb="0" eb="3">
      <t>カマクラシ</t>
    </rPh>
    <phoneticPr fontId="1"/>
  </si>
  <si>
    <t>鎌倉市立第一中学校</t>
    <rPh sb="0" eb="2">
      <t>カマクラ</t>
    </rPh>
    <phoneticPr fontId="2"/>
  </si>
  <si>
    <t>248-0013</t>
  </si>
  <si>
    <t>鎌倉市材木座6-19-19</t>
  </si>
  <si>
    <t>248-0004</t>
  </si>
  <si>
    <t>鎌倉市西御門1-7-1</t>
  </si>
  <si>
    <t>248-0015</t>
  </si>
  <si>
    <t>鎌倉市笹目町2-1</t>
  </si>
  <si>
    <t>248-0033</t>
  </si>
  <si>
    <t>247-0063</t>
  </si>
  <si>
    <t>鎌倉市梶原1-14-1</t>
  </si>
  <si>
    <t>247-0056</t>
  </si>
  <si>
    <t>鎌倉市大船4-1-25</t>
  </si>
  <si>
    <t>たまなわ</t>
    <phoneticPr fontId="2"/>
  </si>
  <si>
    <t>247-0072</t>
  </si>
  <si>
    <t>鎌倉市岡本1100</t>
  </si>
  <si>
    <t>247-0051</t>
  </si>
  <si>
    <t>鎌倉市岩瀬840</t>
  </si>
  <si>
    <t>248-0036</t>
  </si>
  <si>
    <t>茅ヶ崎市</t>
    <rPh sb="0" eb="3">
      <t>チガサキ</t>
    </rPh>
    <rPh sb="3" eb="4">
      <t>シ</t>
    </rPh>
    <phoneticPr fontId="1"/>
  </si>
  <si>
    <t>253-0054</t>
  </si>
  <si>
    <t>茅ヶ崎市東海岸南4-10-1</t>
  </si>
  <si>
    <t>（本校13校）</t>
    <rPh sb="1" eb="3">
      <t>ホンコウ</t>
    </rPh>
    <rPh sb="5" eb="6">
      <t>コウ</t>
    </rPh>
    <phoneticPr fontId="1"/>
  </si>
  <si>
    <t>253-0086</t>
  </si>
  <si>
    <t>茅ヶ崎市浜之郷500</t>
  </si>
  <si>
    <t>253-0018</t>
  </si>
  <si>
    <t>茅ヶ崎市室田3-1-1</t>
  </si>
  <si>
    <t>253-0061</t>
  </si>
  <si>
    <t>茅ヶ崎市南湖6-15-3</t>
  </si>
  <si>
    <t>253-0022</t>
  </si>
  <si>
    <t>茅ヶ崎市松浪2-6-47</t>
  </si>
  <si>
    <t>253-0045</t>
  </si>
  <si>
    <t>茅ヶ崎市十間坂3-6-25</t>
  </si>
  <si>
    <t>253-0003</t>
  </si>
  <si>
    <t>茅ヶ崎市鶴が台2-7</t>
  </si>
  <si>
    <t>253-0025</t>
  </si>
  <si>
    <t>茅ヶ崎市松が丘2-8-54</t>
  </si>
  <si>
    <t>253-0081</t>
  </si>
  <si>
    <t>茅ヶ崎市下寺尾1660</t>
  </si>
  <si>
    <t>253-0073</t>
  </si>
  <si>
    <t>茅ヶ崎市中島1469-2</t>
  </si>
  <si>
    <t>253-0084</t>
  </si>
  <si>
    <t>茅ヶ崎市円蔵1-15-1</t>
  </si>
  <si>
    <t>253-0001</t>
  </si>
  <si>
    <t>茅ヶ崎市赤羽根3030</t>
  </si>
  <si>
    <t>253-0071</t>
  </si>
  <si>
    <t>茅ヶ崎市萩園2425</t>
  </si>
  <si>
    <t>逗子市</t>
    <rPh sb="0" eb="3">
      <t>ズシシ</t>
    </rPh>
    <phoneticPr fontId="1"/>
  </si>
  <si>
    <t>逗子市立逗子中学校</t>
    <rPh sb="0" eb="2">
      <t>ズシ</t>
    </rPh>
    <phoneticPr fontId="2"/>
  </si>
  <si>
    <t>249-0003</t>
  </si>
  <si>
    <t>逗子市池子4-755</t>
  </si>
  <si>
    <t>（本校3校）</t>
    <rPh sb="1" eb="3">
      <t>ホンコウ</t>
    </rPh>
    <rPh sb="4" eb="5">
      <t>コウ</t>
    </rPh>
    <phoneticPr fontId="1"/>
  </si>
  <si>
    <t>249-0001</t>
  </si>
  <si>
    <t>逗子市久木7-2-1</t>
  </si>
  <si>
    <t>249-0004</t>
  </si>
  <si>
    <t>逗子市沼間3-21-2</t>
  </si>
  <si>
    <t>三浦市</t>
    <rPh sb="0" eb="2">
      <t>ミウラ</t>
    </rPh>
    <rPh sb="2" eb="3">
      <t>シ</t>
    </rPh>
    <phoneticPr fontId="1"/>
  </si>
  <si>
    <t>238-0103</t>
  </si>
  <si>
    <t>三浦市南下浦町金田206</t>
  </si>
  <si>
    <t>238-0111</t>
  </si>
  <si>
    <t>三浦市初声町下宮田3622</t>
  </si>
  <si>
    <t>ひかりがおか</t>
    <phoneticPr fontId="2"/>
  </si>
  <si>
    <t>大和市立鶴間中学校</t>
    <phoneticPr fontId="2"/>
  </si>
  <si>
    <t>243-0418</t>
    <phoneticPr fontId="2"/>
  </si>
  <si>
    <t>座間市立栗原中学校</t>
    <phoneticPr fontId="2"/>
  </si>
  <si>
    <t>かんだ</t>
    <phoneticPr fontId="1"/>
  </si>
  <si>
    <t>おかもと</t>
    <phoneticPr fontId="2"/>
  </si>
  <si>
    <t>ちよ</t>
    <phoneticPr fontId="2"/>
  </si>
  <si>
    <t>厚木市立東名中学校</t>
    <phoneticPr fontId="2"/>
  </si>
  <si>
    <t>厚木市立藤塚中学校</t>
    <phoneticPr fontId="2"/>
  </si>
  <si>
    <t>まつだ</t>
    <phoneticPr fontId="2"/>
  </si>
  <si>
    <t>大和市</t>
    <rPh sb="0" eb="2">
      <t>ヤマト</t>
    </rPh>
    <rPh sb="2" eb="3">
      <t>シ</t>
    </rPh>
    <phoneticPr fontId="1"/>
  </si>
  <si>
    <t>242-0018</t>
  </si>
  <si>
    <t>大和市深見西7-5-1</t>
  </si>
  <si>
    <t>242-0016</t>
  </si>
  <si>
    <t>大和市大和南2-11-1</t>
  </si>
  <si>
    <t>大和市下和田49</t>
    <rPh sb="3" eb="6">
      <t>シモワダ</t>
    </rPh>
    <phoneticPr fontId="2"/>
  </si>
  <si>
    <t>242-0002</t>
  </si>
  <si>
    <t>大和市つきみ野3-5-1</t>
  </si>
  <si>
    <t>242-0001</t>
  </si>
  <si>
    <t>大和市下鶴間3016</t>
  </si>
  <si>
    <t>242-0022</t>
  </si>
  <si>
    <t>大和市柳橋4-5050</t>
  </si>
  <si>
    <t>242-0014</t>
  </si>
  <si>
    <t>大和市上和田1314-1</t>
  </si>
  <si>
    <t>242-0006</t>
  </si>
  <si>
    <t>大和市南林間9-3-1</t>
  </si>
  <si>
    <t>大和市立下福田中学校</t>
    <rPh sb="0" eb="2">
      <t>ヤマト</t>
    </rPh>
    <rPh sb="2" eb="4">
      <t>イチリツ</t>
    </rPh>
    <phoneticPr fontId="2"/>
  </si>
  <si>
    <t>242-0024</t>
  </si>
  <si>
    <t>大和市福田1569-1</t>
  </si>
  <si>
    <t>海老名市</t>
    <rPh sb="0" eb="4">
      <t>エビナシ</t>
    </rPh>
    <phoneticPr fontId="1"/>
  </si>
  <si>
    <t>えびな</t>
    <phoneticPr fontId="1"/>
  </si>
  <si>
    <t>海老名市国分南3-11-1</t>
  </si>
  <si>
    <t>ありま</t>
    <phoneticPr fontId="1"/>
  </si>
  <si>
    <t>243-0417</t>
  </si>
  <si>
    <t>海老名市本郷4601</t>
  </si>
  <si>
    <t>243-0421</t>
  </si>
  <si>
    <t>海老名市さつき町58</t>
  </si>
  <si>
    <t>おおや</t>
    <phoneticPr fontId="1"/>
  </si>
  <si>
    <t>海老名市大谷南2-10-1</t>
    <rPh sb="6" eb="7">
      <t>ミナミ</t>
    </rPh>
    <phoneticPr fontId="2"/>
  </si>
  <si>
    <t>海老名市立今泉中学校</t>
    <rPh sb="0" eb="3">
      <t>エビナ</t>
    </rPh>
    <phoneticPr fontId="2"/>
  </si>
  <si>
    <t>243-0431</t>
  </si>
  <si>
    <t>海老名市上今泉1840</t>
  </si>
  <si>
    <t>座間市</t>
    <rPh sb="0" eb="3">
      <t>ザマシ</t>
    </rPh>
    <phoneticPr fontId="1"/>
  </si>
  <si>
    <t>座間市座間2-1230</t>
  </si>
  <si>
    <t>座間市栗原中央6-4-1</t>
  </si>
  <si>
    <t>座間市相模が丘6-35-1</t>
  </si>
  <si>
    <t>座間市立南中学校</t>
    <rPh sb="0" eb="2">
      <t>ザマ</t>
    </rPh>
    <phoneticPr fontId="2"/>
  </si>
  <si>
    <t>座間市南栗原3-8-1</t>
  </si>
  <si>
    <t>綾瀬市</t>
    <rPh sb="0" eb="3">
      <t>アヤセシ</t>
    </rPh>
    <phoneticPr fontId="1"/>
  </si>
  <si>
    <t>綾瀬市深谷南2-3-1</t>
    <rPh sb="5" eb="6">
      <t>ミナミ</t>
    </rPh>
    <phoneticPr fontId="2"/>
  </si>
  <si>
    <t>綾瀬市深谷上4-4-1</t>
    <rPh sb="5" eb="6">
      <t>ウエ</t>
    </rPh>
    <phoneticPr fontId="2"/>
  </si>
  <si>
    <t>252-1123</t>
  </si>
  <si>
    <t>綾瀬市早川2230</t>
  </si>
  <si>
    <t>252-1105</t>
  </si>
  <si>
    <t>綾瀬市蓼川1-2-1</t>
  </si>
  <si>
    <t>綾瀬市立春日台中学校</t>
    <rPh sb="0" eb="2">
      <t>アヤセ</t>
    </rPh>
    <rPh sb="2" eb="4">
      <t>イチリツ</t>
    </rPh>
    <phoneticPr fontId="2"/>
  </si>
  <si>
    <t>252-1124</t>
  </si>
  <si>
    <t>綾瀬市吉岡393-1</t>
  </si>
  <si>
    <t>平塚市</t>
    <rPh sb="0" eb="3">
      <t>ヒラツカシ</t>
    </rPh>
    <phoneticPr fontId="1"/>
  </si>
  <si>
    <t>平塚市立江陽中学校</t>
    <rPh sb="0" eb="2">
      <t>ヒラツカ</t>
    </rPh>
    <phoneticPr fontId="2"/>
  </si>
  <si>
    <t>254-0041</t>
  </si>
  <si>
    <t>平塚市浅間町8-1</t>
  </si>
  <si>
    <t>（本校15校）</t>
    <rPh sb="1" eb="3">
      <t>ホンコウ</t>
    </rPh>
    <rPh sb="5" eb="6">
      <t>コウ</t>
    </rPh>
    <phoneticPr fontId="1"/>
  </si>
  <si>
    <t>254-0805</t>
  </si>
  <si>
    <t>平塚市高浜台7-1</t>
  </si>
  <si>
    <t>254-0054</t>
  </si>
  <si>
    <t>平塚市中里33-1</t>
  </si>
  <si>
    <t>254-0814</t>
  </si>
  <si>
    <t>254-0077</t>
  </si>
  <si>
    <t>平塚市東中原1-12-1</t>
  </si>
  <si>
    <t>平塚市立神田中学校</t>
    <phoneticPr fontId="2"/>
  </si>
  <si>
    <t>254-0013</t>
  </si>
  <si>
    <t>平塚市立土沢中学校</t>
    <phoneticPr fontId="2"/>
  </si>
  <si>
    <t>259-1205</t>
  </si>
  <si>
    <t>平塚市土屋2244</t>
  </si>
  <si>
    <t>平塚市立金旭中学校</t>
    <phoneticPr fontId="2"/>
  </si>
  <si>
    <t>259-1219</t>
  </si>
  <si>
    <t>平塚市広川12</t>
  </si>
  <si>
    <t>254-0061</t>
  </si>
  <si>
    <t>平塚市御殿4-5-1</t>
  </si>
  <si>
    <t>254-0005</t>
  </si>
  <si>
    <t>平塚市城所649</t>
  </si>
  <si>
    <t>254-0914</t>
  </si>
  <si>
    <t>平塚市高村166</t>
  </si>
  <si>
    <t>254-0014</t>
  </si>
  <si>
    <t>平塚市四之宮1-10-1</t>
  </si>
  <si>
    <t>259-1201</t>
  </si>
  <si>
    <t>平塚市南金目1013-2</t>
  </si>
  <si>
    <t>254-0002</t>
  </si>
  <si>
    <t>平塚市横内1948-3</t>
  </si>
  <si>
    <t>きょくりょう</t>
    <phoneticPr fontId="2"/>
  </si>
  <si>
    <t>254-0905</t>
  </si>
  <si>
    <t>平塚市日向岡2-9-1</t>
  </si>
  <si>
    <t>秦野市</t>
    <rPh sb="0" eb="3">
      <t>ハダノシ</t>
    </rPh>
    <phoneticPr fontId="1"/>
  </si>
  <si>
    <t>257-0057</t>
  </si>
  <si>
    <t>秦野市富士見町1-1</t>
  </si>
  <si>
    <t>257-0054</t>
  </si>
  <si>
    <t>秦野市緑町16-1</t>
  </si>
  <si>
    <t>257-0023</t>
  </si>
  <si>
    <t>秦野市寺山509</t>
  </si>
  <si>
    <t>259-1307</t>
  </si>
  <si>
    <t>秦野市横野101</t>
  </si>
  <si>
    <t>257-0003</t>
  </si>
  <si>
    <t>秦野市南矢名4-28-1</t>
  </si>
  <si>
    <t>259-1315</t>
  </si>
  <si>
    <t>秦野市柳町2-5-1</t>
  </si>
  <si>
    <t>257-0013</t>
  </si>
  <si>
    <t>秦野市南が丘1-6</t>
  </si>
  <si>
    <t>259-1322</t>
  </si>
  <si>
    <t>秦野市渋沢2030</t>
  </si>
  <si>
    <t>秦野市立鶴巻中学校</t>
    <rPh sb="0" eb="2">
      <t>ハダノ</t>
    </rPh>
    <phoneticPr fontId="2"/>
  </si>
  <si>
    <t>257-0007</t>
  </si>
  <si>
    <t>秦野市鶴巻2220</t>
  </si>
  <si>
    <t>伊勢原市</t>
    <rPh sb="0" eb="4">
      <t>イセハラシ</t>
    </rPh>
    <phoneticPr fontId="1"/>
  </si>
  <si>
    <t>伊勢原市立山王中学校</t>
    <rPh sb="0" eb="3">
      <t>イセハラ</t>
    </rPh>
    <rPh sb="3" eb="5">
      <t>イチリツ</t>
    </rPh>
    <phoneticPr fontId="2"/>
  </si>
  <si>
    <t>259-1141</t>
  </si>
  <si>
    <t>伊勢原市上粕屋804-2</t>
  </si>
  <si>
    <t>なるせ</t>
    <phoneticPr fontId="1"/>
  </si>
  <si>
    <t>259-1114</t>
  </si>
  <si>
    <t>伊勢原市高森2-22-1</t>
  </si>
  <si>
    <t>259-1132</t>
  </si>
  <si>
    <t>伊勢原市桜台4-2-1</t>
  </si>
  <si>
    <t>259-1143</t>
  </si>
  <si>
    <t>伊勢原市下糟屋231-1</t>
  </si>
  <si>
    <t>南足柄市</t>
    <rPh sb="0" eb="3">
      <t>ミナミアシガラ</t>
    </rPh>
    <rPh sb="3" eb="4">
      <t>シ</t>
    </rPh>
    <phoneticPr fontId="1"/>
  </si>
  <si>
    <t>250-0105</t>
  </si>
  <si>
    <t>南足柄市関本433</t>
  </si>
  <si>
    <t>250-0117</t>
  </si>
  <si>
    <t>南足柄市塚原1660</t>
  </si>
  <si>
    <t>南足柄市立足柄台中学校</t>
    <rPh sb="0" eb="1">
      <t>ミナミ</t>
    </rPh>
    <rPh sb="1" eb="3">
      <t>アシガラ</t>
    </rPh>
    <rPh sb="3" eb="5">
      <t>イチリツ</t>
    </rPh>
    <phoneticPr fontId="2"/>
  </si>
  <si>
    <t>250-0111</t>
  </si>
  <si>
    <t>南足柄市竹松2000</t>
  </si>
  <si>
    <t>小田原市</t>
    <rPh sb="0" eb="4">
      <t>オダワラシ</t>
    </rPh>
    <phoneticPr fontId="1"/>
  </si>
  <si>
    <t>小田原市立城山中学校</t>
    <rPh sb="0" eb="3">
      <t>オダワラ</t>
    </rPh>
    <rPh sb="3" eb="5">
      <t>イチリツ</t>
    </rPh>
    <phoneticPr fontId="2"/>
  </si>
  <si>
    <t>250-0045</t>
  </si>
  <si>
    <t>小田原市城山3-4-1</t>
  </si>
  <si>
    <t>250-0003</t>
  </si>
  <si>
    <t>小田原市東町4-13-1</t>
  </si>
  <si>
    <t>250-0001</t>
  </si>
  <si>
    <t>小田原市扇町5-7-17</t>
  </si>
  <si>
    <t>250-0034</t>
  </si>
  <si>
    <t>250-0874</t>
  </si>
  <si>
    <t>小田原市鴨宮547</t>
  </si>
  <si>
    <t>250-0215</t>
  </si>
  <si>
    <t>小田原市千代800</t>
  </si>
  <si>
    <t>256-0812</t>
  </si>
  <si>
    <t>小田原市国府津2372</t>
  </si>
  <si>
    <t>256-0816</t>
  </si>
  <si>
    <t>小田原市酒匂3-4-1</t>
  </si>
  <si>
    <t>250-0854</t>
  </si>
  <si>
    <t>小田原市飯田岡22</t>
  </si>
  <si>
    <t>小田原市立橘中学校</t>
    <rPh sb="0" eb="3">
      <t>オダワラ</t>
    </rPh>
    <rPh sb="3" eb="5">
      <t>イチリツ</t>
    </rPh>
    <phoneticPr fontId="2"/>
  </si>
  <si>
    <t>256-0804</t>
  </si>
  <si>
    <t>小田原市羽根尾410</t>
  </si>
  <si>
    <t>250-0852</t>
  </si>
  <si>
    <t>小田原市栢山2888</t>
  </si>
  <si>
    <t>厚木市</t>
    <rPh sb="0" eb="3">
      <t>アツギシ</t>
    </rPh>
    <phoneticPr fontId="1"/>
  </si>
  <si>
    <t>243-0004</t>
  </si>
  <si>
    <t>厚木市水引1-1-3</t>
  </si>
  <si>
    <t>243-0805</t>
  </si>
  <si>
    <t>厚木市中依知364</t>
  </si>
  <si>
    <t>243-0204</t>
  </si>
  <si>
    <t>厚木市鳶尾5-1-1</t>
  </si>
  <si>
    <t>243-0125</t>
  </si>
  <si>
    <t>厚木市小野301-10</t>
  </si>
  <si>
    <t>243-0032</t>
  </si>
  <si>
    <t>243-0035</t>
  </si>
  <si>
    <t>厚木市愛甲1809</t>
  </si>
  <si>
    <t>はやし</t>
    <phoneticPr fontId="1"/>
  </si>
  <si>
    <t>243-0816</t>
  </si>
  <si>
    <t>厚木市林5-5-1</t>
  </si>
  <si>
    <t>243-0801</t>
  </si>
  <si>
    <t>厚木市上依知1289</t>
  </si>
  <si>
    <t>243-0122</t>
  </si>
  <si>
    <t>厚木市森の里3-35-1</t>
  </si>
  <si>
    <t>243-0211</t>
  </si>
  <si>
    <t>厚木市三田3472</t>
  </si>
  <si>
    <t>厚木市立相川中学校</t>
    <rPh sb="0" eb="2">
      <t>アツギ</t>
    </rPh>
    <rPh sb="2" eb="4">
      <t>イチリツ</t>
    </rPh>
    <phoneticPr fontId="2"/>
  </si>
  <si>
    <t>243-0022</t>
  </si>
  <si>
    <t>厚木市酒井1981-1</t>
  </si>
  <si>
    <t>葉山町</t>
    <rPh sb="0" eb="2">
      <t>ハヤマ</t>
    </rPh>
    <rPh sb="2" eb="3">
      <t>チョウ</t>
    </rPh>
    <phoneticPr fontId="1"/>
  </si>
  <si>
    <t>葉山町立葉山中学校</t>
    <rPh sb="0" eb="2">
      <t>ハヤマ</t>
    </rPh>
    <rPh sb="2" eb="4">
      <t>チョウリツ</t>
    </rPh>
    <phoneticPr fontId="2"/>
  </si>
  <si>
    <t>（本校2校）</t>
    <rPh sb="1" eb="3">
      <t>ホンコウ</t>
    </rPh>
    <rPh sb="4" eb="5">
      <t>コウ</t>
    </rPh>
    <phoneticPr fontId="1"/>
  </si>
  <si>
    <t>葉山町立南郷中学校</t>
    <rPh sb="0" eb="2">
      <t>ハヤマ</t>
    </rPh>
    <rPh sb="2" eb="4">
      <t>チョウリツ</t>
    </rPh>
    <phoneticPr fontId="2"/>
  </si>
  <si>
    <t>240-0113</t>
  </si>
  <si>
    <t>寒川町</t>
    <rPh sb="0" eb="3">
      <t>サムカワマチ</t>
    </rPh>
    <phoneticPr fontId="1"/>
  </si>
  <si>
    <t>寒川町立寒川中学校</t>
    <rPh sb="0" eb="2">
      <t>サムカワ</t>
    </rPh>
    <rPh sb="2" eb="4">
      <t>チョウリツ</t>
    </rPh>
    <phoneticPr fontId="2"/>
  </si>
  <si>
    <t>253-0111</t>
  </si>
  <si>
    <t>253-0102</t>
  </si>
  <si>
    <t>253-0105</t>
  </si>
  <si>
    <t>大磯町</t>
    <rPh sb="0" eb="2">
      <t>オオイソ</t>
    </rPh>
    <rPh sb="2" eb="3">
      <t>マチ</t>
    </rPh>
    <phoneticPr fontId="1"/>
  </si>
  <si>
    <t>255-0004</t>
  </si>
  <si>
    <t>259-0114</t>
  </si>
  <si>
    <t>二宮町</t>
    <rPh sb="0" eb="2">
      <t>ニノミヤ</t>
    </rPh>
    <rPh sb="2" eb="3">
      <t>マチ</t>
    </rPh>
    <phoneticPr fontId="1"/>
  </si>
  <si>
    <t>259-0123</t>
  </si>
  <si>
    <t>二宮町立二宮西中学校</t>
    <rPh sb="0" eb="2">
      <t>ニノミヤ</t>
    </rPh>
    <phoneticPr fontId="2"/>
  </si>
  <si>
    <t>259-0125</t>
  </si>
  <si>
    <t>中井町立中井中学校</t>
    <rPh sb="0" eb="2">
      <t>ナカイ</t>
    </rPh>
    <phoneticPr fontId="2"/>
  </si>
  <si>
    <t>259-0153</t>
  </si>
  <si>
    <t>大井町立湘光中学校</t>
    <rPh sb="0" eb="2">
      <t>オオイ</t>
    </rPh>
    <phoneticPr fontId="2"/>
  </si>
  <si>
    <t>258-0019</t>
  </si>
  <si>
    <t>258-0003</t>
  </si>
  <si>
    <t>258-0111</t>
  </si>
  <si>
    <t>開成町立文命中学校</t>
    <rPh sb="0" eb="2">
      <t>カイセイ</t>
    </rPh>
    <rPh sb="2" eb="4">
      <t>チョウリツ</t>
    </rPh>
    <phoneticPr fontId="2"/>
  </si>
  <si>
    <t>258-0021</t>
  </si>
  <si>
    <t>箱根町立箱根中学校</t>
    <rPh sb="0" eb="2">
      <t>ハコネ</t>
    </rPh>
    <rPh sb="2" eb="4">
      <t>チョウリツ</t>
    </rPh>
    <rPh sb="4" eb="6">
      <t>ハコネ</t>
    </rPh>
    <phoneticPr fontId="2"/>
  </si>
  <si>
    <t>250-0407</t>
  </si>
  <si>
    <t>真鶴町立真鶴中学校</t>
    <rPh sb="0" eb="2">
      <t>マナヅル</t>
    </rPh>
    <rPh sb="2" eb="4">
      <t>チョウリツ</t>
    </rPh>
    <phoneticPr fontId="2"/>
  </si>
  <si>
    <t>259-0201</t>
  </si>
  <si>
    <t>湯河原町立湯河原中学校</t>
    <rPh sb="0" eb="3">
      <t>ユガワラ</t>
    </rPh>
    <rPh sb="3" eb="5">
      <t>チョウリツ</t>
    </rPh>
    <phoneticPr fontId="2"/>
  </si>
  <si>
    <t>愛川町</t>
    <rPh sb="0" eb="3">
      <t>アイカワマチ</t>
    </rPh>
    <phoneticPr fontId="1"/>
  </si>
  <si>
    <t>243-0303</t>
  </si>
  <si>
    <t>243-0306</t>
  </si>
  <si>
    <t>愛川町立愛川中原中学校</t>
    <rPh sb="0" eb="2">
      <t>アイカワ</t>
    </rPh>
    <rPh sb="2" eb="4">
      <t>チョウリツ</t>
    </rPh>
    <phoneticPr fontId="2"/>
  </si>
  <si>
    <t>清川村</t>
    <rPh sb="0" eb="2">
      <t>キヨカワ</t>
    </rPh>
    <rPh sb="2" eb="3">
      <t>ムラ</t>
    </rPh>
    <phoneticPr fontId="1"/>
  </si>
  <si>
    <t>清川村立緑中学校</t>
    <rPh sb="0" eb="2">
      <t>キヨカワ</t>
    </rPh>
    <rPh sb="2" eb="3">
      <t>ムラ</t>
    </rPh>
    <rPh sb="3" eb="4">
      <t>リツ</t>
    </rPh>
    <phoneticPr fontId="2"/>
  </si>
  <si>
    <t>243-0112</t>
  </si>
  <si>
    <t>清川村立宮ヶ瀬中学校</t>
    <rPh sb="0" eb="2">
      <t>キヨカワ</t>
    </rPh>
    <rPh sb="2" eb="3">
      <t>ムラ</t>
    </rPh>
    <rPh sb="3" eb="4">
      <t>リツ</t>
    </rPh>
    <phoneticPr fontId="2"/>
  </si>
  <si>
    <t>243-0111</t>
  </si>
  <si>
    <t>-</t>
    <phoneticPr fontId="1"/>
  </si>
  <si>
    <t>きたしたうら</t>
    <phoneticPr fontId="2"/>
  </si>
  <si>
    <t>ごしょみ</t>
    <phoneticPr fontId="2"/>
  </si>
  <si>
    <t>藤沢市立湘洋中学校</t>
    <phoneticPr fontId="2"/>
  </si>
  <si>
    <t>しょうよう</t>
    <phoneticPr fontId="2"/>
  </si>
  <si>
    <t>藤沢市立長後中学校</t>
    <phoneticPr fontId="2"/>
  </si>
  <si>
    <t>ふじがおか</t>
    <phoneticPr fontId="2"/>
  </si>
  <si>
    <t>藤沢市立高浜中学校</t>
    <phoneticPr fontId="2"/>
  </si>
  <si>
    <t>たかはま</t>
    <phoneticPr fontId="2"/>
  </si>
  <si>
    <t>藤沢市立善行中学校</t>
    <phoneticPr fontId="2"/>
  </si>
  <si>
    <t>ぜんぎょう</t>
    <phoneticPr fontId="2"/>
  </si>
  <si>
    <t>あきはだい</t>
    <phoneticPr fontId="2"/>
  </si>
  <si>
    <t>藤沢市立大庭中学校</t>
    <phoneticPr fontId="2"/>
  </si>
  <si>
    <t>藤沢市立村岡中学校</t>
    <phoneticPr fontId="2"/>
  </si>
  <si>
    <t>むらおか</t>
    <phoneticPr fontId="2"/>
  </si>
  <si>
    <t>しょうなんだい</t>
    <phoneticPr fontId="2"/>
  </si>
  <si>
    <t>藤沢市立高倉中学校</t>
    <phoneticPr fontId="2"/>
  </si>
  <si>
    <t>藤沢市立滝の沢中学校</t>
    <phoneticPr fontId="2"/>
  </si>
  <si>
    <t>たきのさわ</t>
    <phoneticPr fontId="2"/>
  </si>
  <si>
    <t>おおしみず</t>
    <phoneticPr fontId="2"/>
  </si>
  <si>
    <t>藤沢市立羽鳥中学校</t>
    <phoneticPr fontId="2"/>
  </si>
  <si>
    <t>うめだ</t>
    <phoneticPr fontId="2"/>
  </si>
  <si>
    <t>あかばね</t>
    <phoneticPr fontId="2"/>
  </si>
  <si>
    <t>-</t>
    <phoneticPr fontId="1"/>
  </si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（本校9校）</t>
    <rPh sb="1" eb="3">
      <t>ホンコウ</t>
    </rPh>
    <rPh sb="4" eb="5">
      <t>コウ</t>
    </rPh>
    <phoneticPr fontId="1"/>
  </si>
  <si>
    <t>（本校4校）</t>
    <rPh sb="1" eb="3">
      <t>ホンコウ</t>
    </rPh>
    <rPh sb="4" eb="5">
      <t>コウ</t>
    </rPh>
    <phoneticPr fontId="1"/>
  </si>
  <si>
    <t>（本校11校）</t>
    <rPh sb="1" eb="3">
      <t>ホンコウ</t>
    </rPh>
    <rPh sb="5" eb="6">
      <t>コウ</t>
    </rPh>
    <phoneticPr fontId="1"/>
  </si>
  <si>
    <t>〃生沢分校</t>
    <rPh sb="1" eb="3">
      <t>イクサワ</t>
    </rPh>
    <rPh sb="3" eb="5">
      <t>ブンコウ</t>
    </rPh>
    <phoneticPr fontId="2"/>
  </si>
  <si>
    <t>252-0021</t>
  </si>
  <si>
    <t>252-0027</t>
  </si>
  <si>
    <t>252-0003</t>
  </si>
  <si>
    <t>252-0014</t>
  </si>
  <si>
    <t>252-0001</t>
  </si>
  <si>
    <t>252-0015</t>
  </si>
  <si>
    <t>海老名市柏ケ谷884</t>
    <phoneticPr fontId="1"/>
  </si>
  <si>
    <t>中学校（横浜市・川崎市・相模原市以外）</t>
    <rPh sb="0" eb="3">
      <t>チュウガッコウ</t>
    </rPh>
    <rPh sb="4" eb="7">
      <t>ヨコハマシ</t>
    </rPh>
    <rPh sb="8" eb="11">
      <t>カワサキシ</t>
    </rPh>
    <rPh sb="12" eb="16">
      <t>サガミハラシ</t>
    </rPh>
    <rPh sb="16" eb="18">
      <t>イガイ</t>
    </rPh>
    <phoneticPr fontId="1"/>
  </si>
  <si>
    <t>（本校3校）</t>
    <phoneticPr fontId="1"/>
  </si>
  <si>
    <t>中井町（本校1校）</t>
    <rPh sb="0" eb="3">
      <t>ナカイマチ</t>
    </rPh>
    <rPh sb="4" eb="6">
      <t>ホンコウ</t>
    </rPh>
    <rPh sb="7" eb="8">
      <t>コウ</t>
    </rPh>
    <phoneticPr fontId="1"/>
  </si>
  <si>
    <t>大井町（本校1校）</t>
    <rPh sb="0" eb="2">
      <t>オオイ</t>
    </rPh>
    <rPh sb="2" eb="3">
      <t>マチ</t>
    </rPh>
    <phoneticPr fontId="1"/>
  </si>
  <si>
    <t>開成町（本校1校）</t>
    <rPh sb="0" eb="3">
      <t>カイセイチョウ</t>
    </rPh>
    <phoneticPr fontId="1"/>
  </si>
  <si>
    <t>箱根町（本校1校）</t>
    <rPh sb="0" eb="3">
      <t>ハコネマチ</t>
    </rPh>
    <phoneticPr fontId="1"/>
  </si>
  <si>
    <t>真鶴町（本校1校）</t>
    <rPh sb="0" eb="2">
      <t>マナヅル</t>
    </rPh>
    <rPh sb="2" eb="3">
      <t>マチ</t>
    </rPh>
    <phoneticPr fontId="1"/>
  </si>
  <si>
    <t>湯河原町（本校1校）</t>
    <rPh sb="0" eb="4">
      <t>ユガワラマチ</t>
    </rPh>
    <phoneticPr fontId="1"/>
  </si>
  <si>
    <t>よみがな</t>
    <phoneticPr fontId="1"/>
  </si>
  <si>
    <t>横須賀市立追浜中学校</t>
    <phoneticPr fontId="2"/>
  </si>
  <si>
    <t>おっぱま</t>
    <phoneticPr fontId="2"/>
  </si>
  <si>
    <t>横須賀市立鷹取中学校</t>
    <phoneticPr fontId="2"/>
  </si>
  <si>
    <t>たかとり</t>
    <phoneticPr fontId="2"/>
  </si>
  <si>
    <t>横須賀市立田浦中学校</t>
    <phoneticPr fontId="2"/>
  </si>
  <si>
    <t>横須賀市立大津中学校</t>
    <phoneticPr fontId="2"/>
  </si>
  <si>
    <t>横須賀市立馬堀中学校</t>
    <phoneticPr fontId="2"/>
  </si>
  <si>
    <t>横須賀市立浦賀中学校</t>
    <phoneticPr fontId="2"/>
  </si>
  <si>
    <t>横須賀市浦賀3-26-1</t>
    <phoneticPr fontId="2"/>
  </si>
  <si>
    <t>横須賀市立鴨居中学校</t>
    <phoneticPr fontId="2"/>
  </si>
  <si>
    <t>横須賀市立岩戸中学校</t>
    <phoneticPr fontId="2"/>
  </si>
  <si>
    <t>横須賀市立久里浜中学校</t>
    <phoneticPr fontId="2"/>
  </si>
  <si>
    <t>くりはま</t>
    <phoneticPr fontId="2"/>
  </si>
  <si>
    <t>横須賀市立神明中学校</t>
    <phoneticPr fontId="2"/>
  </si>
  <si>
    <t>横須賀市立野比中学校</t>
    <phoneticPr fontId="2"/>
  </si>
  <si>
    <t>横須賀市立北下浦中学校</t>
    <phoneticPr fontId="2"/>
  </si>
  <si>
    <t>横須賀市立長沢中学校</t>
    <phoneticPr fontId="2"/>
  </si>
  <si>
    <t>横須賀市立長井中学校</t>
    <phoneticPr fontId="2"/>
  </si>
  <si>
    <t>だいいち</t>
    <phoneticPr fontId="2"/>
  </si>
  <si>
    <t>鎌倉市立第二中学校</t>
    <phoneticPr fontId="2"/>
  </si>
  <si>
    <t>だいに</t>
    <phoneticPr fontId="1"/>
  </si>
  <si>
    <t>鎌倉市立御成中学校</t>
    <phoneticPr fontId="2"/>
  </si>
  <si>
    <t>おなり</t>
    <phoneticPr fontId="1"/>
  </si>
  <si>
    <t>鎌倉市立腰越中学校</t>
    <phoneticPr fontId="2"/>
  </si>
  <si>
    <t>こしごえ</t>
    <phoneticPr fontId="2"/>
  </si>
  <si>
    <t>鎌倉市腰越4-11-20</t>
    <phoneticPr fontId="2"/>
  </si>
  <si>
    <t>-</t>
    <phoneticPr fontId="1"/>
  </si>
  <si>
    <t>鎌倉市立深沢中学校</t>
    <phoneticPr fontId="2"/>
  </si>
  <si>
    <t>ふかさわ</t>
    <phoneticPr fontId="2"/>
  </si>
  <si>
    <t>鎌倉市立大船中学校</t>
    <phoneticPr fontId="2"/>
  </si>
  <si>
    <t>おおふな</t>
    <phoneticPr fontId="2"/>
  </si>
  <si>
    <t>鎌倉市立玉縄中学校</t>
    <phoneticPr fontId="2"/>
  </si>
  <si>
    <t>だいいち</t>
    <phoneticPr fontId="2"/>
  </si>
  <si>
    <t>藤沢市立明治中学校</t>
    <phoneticPr fontId="2"/>
  </si>
  <si>
    <t>めいじ</t>
    <phoneticPr fontId="1"/>
  </si>
  <si>
    <t>藤沢市立鵠沼中学校</t>
    <phoneticPr fontId="2"/>
  </si>
  <si>
    <t>くげぬま</t>
    <phoneticPr fontId="2"/>
  </si>
  <si>
    <t>藤沢市立六会中学校</t>
    <phoneticPr fontId="2"/>
  </si>
  <si>
    <t>むつあい</t>
    <phoneticPr fontId="2"/>
  </si>
  <si>
    <t>藤沢市立片瀬中学校</t>
    <phoneticPr fontId="2"/>
  </si>
  <si>
    <t>かたせ</t>
    <phoneticPr fontId="1"/>
  </si>
  <si>
    <t>藤沢市立御所見中学校</t>
    <phoneticPr fontId="2"/>
  </si>
  <si>
    <t>藤沢市立藤ヶ岡中学校</t>
    <phoneticPr fontId="2"/>
  </si>
  <si>
    <t>藤沢市立秋葉台中学校</t>
    <phoneticPr fontId="2"/>
  </si>
  <si>
    <t>藤沢市立湘南台中学校</t>
    <phoneticPr fontId="2"/>
  </si>
  <si>
    <t>藤沢市立大清水中学校</t>
    <phoneticPr fontId="2"/>
  </si>
  <si>
    <t>藤沢市羽鳥4-13-14</t>
    <phoneticPr fontId="2"/>
  </si>
  <si>
    <t>だいいち</t>
    <phoneticPr fontId="2"/>
  </si>
  <si>
    <t>-</t>
    <phoneticPr fontId="1"/>
  </si>
  <si>
    <t>つるみね</t>
    <phoneticPr fontId="2"/>
  </si>
  <si>
    <t>しょうりん</t>
    <phoneticPr fontId="2"/>
  </si>
  <si>
    <t>にしはま</t>
    <phoneticPr fontId="2"/>
  </si>
  <si>
    <t>まつなみ</t>
    <phoneticPr fontId="2"/>
  </si>
  <si>
    <t>つるがだい</t>
    <phoneticPr fontId="2"/>
  </si>
  <si>
    <t>はますか</t>
    <phoneticPr fontId="2"/>
  </si>
  <si>
    <t>ほくよう</t>
    <phoneticPr fontId="1"/>
  </si>
  <si>
    <t>なかじま</t>
    <phoneticPr fontId="1"/>
  </si>
  <si>
    <t>えんぞう</t>
    <phoneticPr fontId="2"/>
  </si>
  <si>
    <t>はぎその</t>
    <phoneticPr fontId="2"/>
  </si>
  <si>
    <t>ずし</t>
    <phoneticPr fontId="2"/>
  </si>
  <si>
    <t>逗子市立久木中学校</t>
    <phoneticPr fontId="2"/>
  </si>
  <si>
    <t>ひさぎ</t>
    <phoneticPr fontId="2"/>
  </si>
  <si>
    <t>逗子市立沼間中学校</t>
    <phoneticPr fontId="2"/>
  </si>
  <si>
    <t>ぬまま</t>
    <phoneticPr fontId="1"/>
  </si>
  <si>
    <t>みさき</t>
    <phoneticPr fontId="1"/>
  </si>
  <si>
    <t>三浦市立南下浦中学校</t>
    <phoneticPr fontId="2"/>
  </si>
  <si>
    <t>みなみしたうら</t>
    <phoneticPr fontId="2"/>
  </si>
  <si>
    <t>三浦市立初声中学校</t>
    <phoneticPr fontId="2"/>
  </si>
  <si>
    <t>はっせ</t>
    <phoneticPr fontId="2"/>
  </si>
  <si>
    <t>はやま</t>
    <phoneticPr fontId="1"/>
  </si>
  <si>
    <t>（本校2校）</t>
    <phoneticPr fontId="1"/>
  </si>
  <si>
    <t>なんごう</t>
    <phoneticPr fontId="1"/>
  </si>
  <si>
    <t>さむかわ</t>
    <phoneticPr fontId="2"/>
  </si>
  <si>
    <t>（本校3校）</t>
    <phoneticPr fontId="1"/>
  </si>
  <si>
    <t>寒川町立旭が丘中学校</t>
    <phoneticPr fontId="2"/>
  </si>
  <si>
    <t>あさひがおか</t>
    <phoneticPr fontId="2"/>
  </si>
  <si>
    <t>寒川町立寒川東中学校</t>
    <phoneticPr fontId="2"/>
  </si>
  <si>
    <t>さむかわひがし</t>
    <phoneticPr fontId="2"/>
  </si>
  <si>
    <t>厚木市立厚木中学校</t>
    <phoneticPr fontId="2"/>
  </si>
  <si>
    <t>あつぎ</t>
    <phoneticPr fontId="1"/>
  </si>
  <si>
    <t>厚木市立依知中学校</t>
    <phoneticPr fontId="2"/>
  </si>
  <si>
    <t>えち</t>
    <phoneticPr fontId="1"/>
  </si>
  <si>
    <t>厚木市立荻野中学校</t>
    <phoneticPr fontId="2"/>
  </si>
  <si>
    <t>おぎの</t>
    <phoneticPr fontId="1"/>
  </si>
  <si>
    <t>厚木市立睦合中学校</t>
    <phoneticPr fontId="2"/>
  </si>
  <si>
    <t>むつあい</t>
    <phoneticPr fontId="2"/>
  </si>
  <si>
    <t>厚木市立小鮎中学校</t>
    <phoneticPr fontId="2"/>
  </si>
  <si>
    <t>こあゆ</t>
    <phoneticPr fontId="1"/>
  </si>
  <si>
    <t>厚木市立玉川中学校</t>
    <phoneticPr fontId="2"/>
  </si>
  <si>
    <t>たまがわ</t>
    <phoneticPr fontId="2"/>
  </si>
  <si>
    <t>厚木市立南毛利中学校</t>
    <phoneticPr fontId="2"/>
  </si>
  <si>
    <t>なんもうり</t>
    <phoneticPr fontId="2"/>
  </si>
  <si>
    <t>厚木市恩名2-16-1</t>
    <phoneticPr fontId="2"/>
  </si>
  <si>
    <t>とうめい</t>
    <phoneticPr fontId="2"/>
  </si>
  <si>
    <t>厚木市立林中学校</t>
    <phoneticPr fontId="2"/>
  </si>
  <si>
    <t>ふじづか</t>
    <phoneticPr fontId="2"/>
  </si>
  <si>
    <t>厚木市立森の里中学校</t>
    <phoneticPr fontId="2"/>
  </si>
  <si>
    <t>もりのさと</t>
    <phoneticPr fontId="2"/>
  </si>
  <si>
    <t>厚木市立睦合東中学校</t>
    <phoneticPr fontId="2"/>
  </si>
  <si>
    <t>むつあいひがし</t>
    <phoneticPr fontId="2"/>
  </si>
  <si>
    <t>あいかわ</t>
    <phoneticPr fontId="2"/>
  </si>
  <si>
    <t>大和市立大和中学校</t>
    <phoneticPr fontId="2"/>
  </si>
  <si>
    <t>やまと</t>
    <phoneticPr fontId="1"/>
  </si>
  <si>
    <t>大和市立光丘中学校</t>
    <phoneticPr fontId="2"/>
  </si>
  <si>
    <t>大和市立渋谷中学校</t>
    <phoneticPr fontId="2"/>
  </si>
  <si>
    <t>しぶや</t>
    <phoneticPr fontId="1"/>
  </si>
  <si>
    <t>242-0015</t>
    <phoneticPr fontId="2"/>
  </si>
  <si>
    <t>大和市立つきみ野中学校</t>
    <phoneticPr fontId="2"/>
  </si>
  <si>
    <t>つきみの</t>
    <phoneticPr fontId="2"/>
  </si>
  <si>
    <t>つるま</t>
    <phoneticPr fontId="1"/>
  </si>
  <si>
    <t>大和市立引地台中学校</t>
    <phoneticPr fontId="2"/>
  </si>
  <si>
    <t>ひきじだい</t>
    <phoneticPr fontId="2"/>
  </si>
  <si>
    <t>大和市立上和田中学校</t>
    <phoneticPr fontId="2"/>
  </si>
  <si>
    <t>かみわだ</t>
    <phoneticPr fontId="2"/>
  </si>
  <si>
    <t>大和市立南林間中学校</t>
    <phoneticPr fontId="2"/>
  </si>
  <si>
    <t>みなみりんかん</t>
    <phoneticPr fontId="2"/>
  </si>
  <si>
    <t>しもふくだ</t>
    <phoneticPr fontId="2"/>
  </si>
  <si>
    <t>海老名市立海老名中学校</t>
    <phoneticPr fontId="2"/>
  </si>
  <si>
    <t>海老名市立有馬中学校</t>
    <phoneticPr fontId="2"/>
  </si>
  <si>
    <t>海老名市立海西中学校</t>
    <phoneticPr fontId="2"/>
  </si>
  <si>
    <t>かいせい</t>
    <phoneticPr fontId="2"/>
  </si>
  <si>
    <t>海老名市立柏ケ谷中学校</t>
    <phoneticPr fontId="2"/>
  </si>
  <si>
    <t>かしわがや</t>
    <phoneticPr fontId="2"/>
  </si>
  <si>
    <t>243-0402</t>
    <phoneticPr fontId="1"/>
  </si>
  <si>
    <t>海老名市立大谷中学校</t>
    <phoneticPr fontId="2"/>
  </si>
  <si>
    <t>いまいずみ</t>
    <phoneticPr fontId="2"/>
  </si>
  <si>
    <t>座間市立座間中学校</t>
    <phoneticPr fontId="2"/>
  </si>
  <si>
    <t>ざま</t>
    <phoneticPr fontId="1"/>
  </si>
  <si>
    <t>座間市立西中学校</t>
    <phoneticPr fontId="2"/>
  </si>
  <si>
    <t>にし</t>
    <phoneticPr fontId="1"/>
  </si>
  <si>
    <t>座間市立東中学校</t>
    <phoneticPr fontId="2"/>
  </si>
  <si>
    <t>ひがし</t>
    <phoneticPr fontId="1"/>
  </si>
  <si>
    <t>くりはら</t>
    <phoneticPr fontId="1"/>
  </si>
  <si>
    <t>座間市立相模中学校</t>
    <phoneticPr fontId="2"/>
  </si>
  <si>
    <t>さがみ</t>
    <phoneticPr fontId="1"/>
  </si>
  <si>
    <t>みなみ</t>
    <phoneticPr fontId="1"/>
  </si>
  <si>
    <t>綾瀬市立綾瀬中学校</t>
    <phoneticPr fontId="2"/>
  </si>
  <si>
    <t>あやせ</t>
    <phoneticPr fontId="1"/>
  </si>
  <si>
    <t>252-1106</t>
    <phoneticPr fontId="2"/>
  </si>
  <si>
    <t>綾瀬市立綾北中学校</t>
    <phoneticPr fontId="2"/>
  </si>
  <si>
    <t>りょうほく</t>
    <phoneticPr fontId="2"/>
  </si>
  <si>
    <t>綾瀬市立城山中学校</t>
    <phoneticPr fontId="2"/>
  </si>
  <si>
    <t>しろやま</t>
    <phoneticPr fontId="1"/>
  </si>
  <si>
    <t>綾瀬市立北の台中学校</t>
    <phoneticPr fontId="2"/>
  </si>
  <si>
    <t>きたのだい</t>
    <phoneticPr fontId="2"/>
  </si>
  <si>
    <t>かすがだい</t>
    <phoneticPr fontId="2"/>
  </si>
  <si>
    <t>愛川町立愛川東中学校</t>
    <phoneticPr fontId="2"/>
  </si>
  <si>
    <t>あいかわひがし</t>
    <phoneticPr fontId="2"/>
  </si>
  <si>
    <t>愛川町立愛川中学校</t>
    <phoneticPr fontId="2"/>
  </si>
  <si>
    <t>あいかわ</t>
    <phoneticPr fontId="2"/>
  </si>
  <si>
    <t>あいかわなかはら</t>
    <phoneticPr fontId="2"/>
  </si>
  <si>
    <t>243-0301</t>
    <phoneticPr fontId="2"/>
  </si>
  <si>
    <t>みどり</t>
    <phoneticPr fontId="2"/>
  </si>
  <si>
    <t>みやがせ</t>
    <phoneticPr fontId="2"/>
  </si>
  <si>
    <t>こうよう</t>
    <phoneticPr fontId="2"/>
  </si>
  <si>
    <t>平塚市立太洋中学校</t>
    <phoneticPr fontId="2"/>
  </si>
  <si>
    <t>たいよう</t>
    <phoneticPr fontId="2"/>
  </si>
  <si>
    <t>平塚市立春日野中学校</t>
    <phoneticPr fontId="2"/>
  </si>
  <si>
    <t>かすがの</t>
    <phoneticPr fontId="2"/>
  </si>
  <si>
    <t>平塚市立浜岳中学校</t>
    <phoneticPr fontId="2"/>
  </si>
  <si>
    <t>はまたけ</t>
    <phoneticPr fontId="2"/>
  </si>
  <si>
    <t>平塚市立大野中学校</t>
    <phoneticPr fontId="2"/>
  </si>
  <si>
    <t>おおの</t>
    <phoneticPr fontId="1"/>
  </si>
  <si>
    <t>平塚市田村4-31-1</t>
    <phoneticPr fontId="2"/>
  </si>
  <si>
    <t>つちさわ</t>
    <phoneticPr fontId="2"/>
  </si>
  <si>
    <t>きんきょく</t>
    <phoneticPr fontId="2"/>
  </si>
  <si>
    <t>平塚市立中原中学校</t>
    <phoneticPr fontId="2"/>
  </si>
  <si>
    <t>なかはら</t>
    <phoneticPr fontId="2"/>
  </si>
  <si>
    <t>平塚市立大住中学校</t>
    <phoneticPr fontId="2"/>
  </si>
  <si>
    <t>おおすみ</t>
    <phoneticPr fontId="2"/>
  </si>
  <si>
    <t>平塚市立山城中学校</t>
    <phoneticPr fontId="2"/>
  </si>
  <si>
    <t>やましろ</t>
    <phoneticPr fontId="2"/>
  </si>
  <si>
    <t>平塚市立神明中学校</t>
    <phoneticPr fontId="2"/>
  </si>
  <si>
    <t>しんめい</t>
    <phoneticPr fontId="2"/>
  </si>
  <si>
    <t>平塚市立金目中学校</t>
    <phoneticPr fontId="2"/>
  </si>
  <si>
    <t>かなめ</t>
    <phoneticPr fontId="1"/>
  </si>
  <si>
    <t>平塚市立横内中学校</t>
    <phoneticPr fontId="2"/>
  </si>
  <si>
    <t>よこうち</t>
    <phoneticPr fontId="2"/>
  </si>
  <si>
    <t>平塚市立旭陵中学校</t>
    <phoneticPr fontId="2"/>
  </si>
  <si>
    <t>秦野市立本町中学校</t>
    <phoneticPr fontId="2"/>
  </si>
  <si>
    <t>ほんちょう</t>
    <phoneticPr fontId="2"/>
  </si>
  <si>
    <t>秦野市立南中学校</t>
    <phoneticPr fontId="2"/>
  </si>
  <si>
    <t>みなみ</t>
    <phoneticPr fontId="1"/>
  </si>
  <si>
    <t>秦野市立東中学校</t>
    <phoneticPr fontId="2"/>
  </si>
  <si>
    <t>秦野市立北中学校</t>
    <phoneticPr fontId="2"/>
  </si>
  <si>
    <t>きた</t>
    <phoneticPr fontId="1"/>
  </si>
  <si>
    <t>秦野市立大根中学校</t>
    <phoneticPr fontId="2"/>
  </si>
  <si>
    <t>おおね</t>
    <phoneticPr fontId="1"/>
  </si>
  <si>
    <t>秦野市立西中学校</t>
    <phoneticPr fontId="2"/>
  </si>
  <si>
    <t>秦野市立南が丘中学校</t>
    <phoneticPr fontId="2"/>
  </si>
  <si>
    <t>みなみがおか</t>
    <phoneticPr fontId="2"/>
  </si>
  <si>
    <t>秦野市立渋沢中学校</t>
    <phoneticPr fontId="2"/>
  </si>
  <si>
    <t>しぶさわ</t>
    <phoneticPr fontId="1"/>
  </si>
  <si>
    <t>つるまき</t>
    <phoneticPr fontId="1"/>
  </si>
  <si>
    <t>さんのう</t>
    <phoneticPr fontId="1"/>
  </si>
  <si>
    <t>伊勢原市立成瀬中学校</t>
    <phoneticPr fontId="2"/>
  </si>
  <si>
    <t>伊勢原市立伊勢原中学校</t>
    <phoneticPr fontId="2"/>
  </si>
  <si>
    <t>いせはら</t>
    <phoneticPr fontId="2"/>
  </si>
  <si>
    <t>伊勢原市立中沢中学校</t>
    <phoneticPr fontId="2"/>
  </si>
  <si>
    <t>なかざわ</t>
    <phoneticPr fontId="2"/>
  </si>
  <si>
    <t>大磯町立大磯中学校</t>
    <phoneticPr fontId="2"/>
  </si>
  <si>
    <t>おおいそ</t>
    <phoneticPr fontId="1"/>
  </si>
  <si>
    <t>（本校2校</t>
    <phoneticPr fontId="1"/>
  </si>
  <si>
    <t>大磯町立国府中学校</t>
    <phoneticPr fontId="2"/>
  </si>
  <si>
    <t>こくふ</t>
    <phoneticPr fontId="1"/>
  </si>
  <si>
    <t>分校1校）</t>
    <phoneticPr fontId="1"/>
  </si>
  <si>
    <t>いくさわ</t>
    <phoneticPr fontId="2"/>
  </si>
  <si>
    <t>259-0102</t>
    <phoneticPr fontId="2"/>
  </si>
  <si>
    <t>二宮町立二宮中学校</t>
    <phoneticPr fontId="2"/>
  </si>
  <si>
    <t>にのみや</t>
    <phoneticPr fontId="2"/>
  </si>
  <si>
    <t>（本校2校）</t>
    <phoneticPr fontId="1"/>
  </si>
  <si>
    <t>にのみやにし</t>
    <phoneticPr fontId="2"/>
  </si>
  <si>
    <t>南足柄市立南足柄中学校</t>
    <phoneticPr fontId="2"/>
  </si>
  <si>
    <t>みなみあしがら</t>
    <phoneticPr fontId="2"/>
  </si>
  <si>
    <t>南足柄市立岡本中学校</t>
    <phoneticPr fontId="2"/>
  </si>
  <si>
    <t>あしがらだい</t>
    <phoneticPr fontId="2"/>
  </si>
  <si>
    <t>なかい</t>
    <phoneticPr fontId="1"/>
  </si>
  <si>
    <t>しょうこう</t>
    <phoneticPr fontId="2"/>
  </si>
  <si>
    <t>松田町立松田中学校</t>
    <phoneticPr fontId="2"/>
  </si>
  <si>
    <t>やまきた</t>
    <phoneticPr fontId="1"/>
  </si>
  <si>
    <t>ぶんめい</t>
    <phoneticPr fontId="2"/>
  </si>
  <si>
    <t>しろやま</t>
    <phoneticPr fontId="2"/>
  </si>
  <si>
    <t>小田原市立白鴎中学校</t>
    <phoneticPr fontId="2"/>
  </si>
  <si>
    <t>はくおう</t>
    <phoneticPr fontId="2"/>
  </si>
  <si>
    <t>小田原市立白山中学校</t>
    <phoneticPr fontId="2"/>
  </si>
  <si>
    <t>はくさん</t>
    <phoneticPr fontId="2"/>
  </si>
  <si>
    <t>小田原市立城南中学校</t>
    <phoneticPr fontId="2"/>
  </si>
  <si>
    <t>じょうなん</t>
    <phoneticPr fontId="2"/>
  </si>
  <si>
    <t>小田原市立鴨宮中学校</t>
    <phoneticPr fontId="2"/>
  </si>
  <si>
    <t>かものみや</t>
    <phoneticPr fontId="2"/>
  </si>
  <si>
    <t>小田原市立千代中学校</t>
    <phoneticPr fontId="2"/>
  </si>
  <si>
    <t>小田原市立国府津中学校</t>
    <phoneticPr fontId="2"/>
  </si>
  <si>
    <t>こうづ</t>
    <phoneticPr fontId="2"/>
  </si>
  <si>
    <t>小田原市立酒匂中学校</t>
    <phoneticPr fontId="2"/>
  </si>
  <si>
    <t>さかわ</t>
    <phoneticPr fontId="2"/>
  </si>
  <si>
    <t>小田原市立泉中学校</t>
    <phoneticPr fontId="2"/>
  </si>
  <si>
    <t>いずみ</t>
    <phoneticPr fontId="2"/>
  </si>
  <si>
    <t>たちばな</t>
    <phoneticPr fontId="2"/>
  </si>
  <si>
    <t>小田原市立城北中学校</t>
    <phoneticPr fontId="2"/>
  </si>
  <si>
    <t>じょうほく</t>
    <phoneticPr fontId="2"/>
  </si>
  <si>
    <t>はこね</t>
    <phoneticPr fontId="2"/>
  </si>
  <si>
    <t>まなづる</t>
    <phoneticPr fontId="2"/>
  </si>
  <si>
    <t>ゆがわら</t>
    <phoneticPr fontId="2"/>
  </si>
  <si>
    <t>(046)865-6141</t>
  </si>
  <si>
    <t>(046)865-6212</t>
  </si>
  <si>
    <t>(046)866-3800</t>
  </si>
  <si>
    <t>(046)866-3906</t>
  </si>
  <si>
    <t>(046)861-6115</t>
  </si>
  <si>
    <t>(046)861-6399</t>
  </si>
  <si>
    <t>(046)822-2385</t>
  </si>
  <si>
    <t>(046)823-0753</t>
  </si>
  <si>
    <t>(046)823-0566</t>
  </si>
  <si>
    <t>(046)823-2648</t>
  </si>
  <si>
    <t>(046)825-7410</t>
  </si>
  <si>
    <t>(046)821-4505</t>
  </si>
  <si>
    <t>(046)852-5766</t>
  </si>
  <si>
    <t>(046)852-5828</t>
  </si>
  <si>
    <t>(046)851-1255</t>
  </si>
  <si>
    <t>(046)851-1267</t>
  </si>
  <si>
    <t>(046)853-5993</t>
  </si>
  <si>
    <t>(046)853-6011</t>
  </si>
  <si>
    <t>(046)834-1326</t>
  </si>
  <si>
    <t>(046)834-1391</t>
  </si>
  <si>
    <t>(046)823-1032</t>
  </si>
  <si>
    <t>(046)824-9429</t>
  </si>
  <si>
    <t>(046)841-4007</t>
  </si>
  <si>
    <t>(046)841-4006</t>
  </si>
  <si>
    <t>(046)841-0454</t>
  </si>
  <si>
    <t>(046)841-0966</t>
  </si>
  <si>
    <t>(046)841-0442</t>
  </si>
  <si>
    <t>(046)841-0556</t>
  </si>
  <si>
    <t>(046)848-3054</t>
  </si>
  <si>
    <t>(046)848-3174</t>
  </si>
  <si>
    <t>(046)835-0402</t>
  </si>
  <si>
    <t>(046)835-0441</t>
  </si>
  <si>
    <t>(046)834-4077</t>
  </si>
  <si>
    <t>(046)834-4480</t>
  </si>
  <si>
    <t>(046)849-3318</t>
  </si>
  <si>
    <t>(046)849-3791</t>
  </si>
  <si>
    <t>(046)848-0104</t>
  </si>
  <si>
    <t>(046)848-0146</t>
  </si>
  <si>
    <t>(046)849-5431</t>
  </si>
  <si>
    <t>(046)849-5798</t>
  </si>
  <si>
    <t>(046)856-2022</t>
  </si>
  <si>
    <t>(046)856-2132</t>
  </si>
  <si>
    <t>(046)856-1287</t>
  </si>
  <si>
    <t>(046)856-1255</t>
  </si>
  <si>
    <t>(046)856-2028</t>
  </si>
  <si>
    <t>(046)856-2309</t>
  </si>
  <si>
    <t>(046)873-2056</t>
  </si>
  <si>
    <t>(046)872-9655</t>
  </si>
  <si>
    <t>(046)873-2058</t>
  </si>
  <si>
    <t>(046)872-9656</t>
  </si>
  <si>
    <t>(046)871-5200</t>
  </si>
  <si>
    <t>(046)872-9657</t>
  </si>
  <si>
    <t>(046)888-0914</t>
  </si>
  <si>
    <t>(046)888-0915</t>
  </si>
  <si>
    <t>(046)888-1150</t>
  </si>
  <si>
    <t>(046)888-1153</t>
  </si>
  <si>
    <t>(046)875-1346</t>
  </si>
  <si>
    <t>(046)876-0683</t>
  </si>
  <si>
    <t>(046)875-9494</t>
  </si>
  <si>
    <t>(046)876-0684</t>
  </si>
  <si>
    <t>(046)221-3227</t>
  </si>
  <si>
    <t>(046)221-3235</t>
  </si>
  <si>
    <t>(046)245-1167</t>
  </si>
  <si>
    <t>(046)245-1156</t>
  </si>
  <si>
    <t>(046)241-1710</t>
  </si>
  <si>
    <t>(046)241-3157</t>
  </si>
  <si>
    <t>(046)241-1450</t>
  </si>
  <si>
    <t>(046)241-1249</t>
  </si>
  <si>
    <t>(046)241-1428</t>
  </si>
  <si>
    <t>(046)241-3130</t>
  </si>
  <si>
    <t>(046)248-0329</t>
  </si>
  <si>
    <t>(046)248-0326</t>
  </si>
  <si>
    <t>(046)221-4340</t>
  </si>
  <si>
    <t>(046)221-4365</t>
  </si>
  <si>
    <t>(046)228-4052</t>
  </si>
  <si>
    <t>(046)228-1258</t>
  </si>
  <si>
    <t>(046)224-4933</t>
  </si>
  <si>
    <t>(046)224-4934</t>
  </si>
  <si>
    <t>(046)245-3371</t>
  </si>
  <si>
    <t>(046)245-1043</t>
  </si>
  <si>
    <t>(046)248-0727</t>
  </si>
  <si>
    <t>(046)248-0797</t>
  </si>
  <si>
    <t>(046)221-5956</t>
  </si>
  <si>
    <t>(046)221-5957</t>
  </si>
  <si>
    <t>(046)229-5516</t>
  </si>
  <si>
    <t>(046)229-5517</t>
  </si>
  <si>
    <t>(046)261-0892</t>
  </si>
  <si>
    <t>(046)261-4892</t>
  </si>
  <si>
    <t>(046)261-1120</t>
  </si>
  <si>
    <t>(046)261-8040</t>
  </si>
  <si>
    <t>(046)267-1104</t>
  </si>
  <si>
    <t>(046)268-3989</t>
  </si>
  <si>
    <t>(046)274-1728</t>
  </si>
  <si>
    <t>(046)276-1791</t>
  </si>
  <si>
    <t>(046)274-8903</t>
  </si>
  <si>
    <t>(046)276-1067</t>
  </si>
  <si>
    <t>(046)267-0535</t>
  </si>
  <si>
    <t>(046)268-4576</t>
  </si>
  <si>
    <t>(046)269-1165</t>
  </si>
  <si>
    <t>(046)268-4574</t>
  </si>
  <si>
    <t>(046)276-2500</t>
  </si>
  <si>
    <t>(046)276-1531</t>
  </si>
  <si>
    <t>(046)269-8281</t>
  </si>
  <si>
    <t>(046)268-3995</t>
  </si>
  <si>
    <t>(046)231-3410</t>
  </si>
  <si>
    <t>(046)231-7989</t>
  </si>
  <si>
    <t>(046)238-3365</t>
  </si>
  <si>
    <t>(046)238-3469</t>
  </si>
  <si>
    <t>(046)232-8103</t>
  </si>
  <si>
    <t>(046)232-2293</t>
  </si>
  <si>
    <t>(046)233-0917</t>
  </si>
  <si>
    <t>(046)233-0947</t>
  </si>
  <si>
    <t>(046)233-3233</t>
  </si>
  <si>
    <t>(046)233-3583</t>
  </si>
  <si>
    <t>(046)233-6341</t>
  </si>
  <si>
    <t>(046)233-6142</t>
  </si>
  <si>
    <t>(046)251-0135</t>
  </si>
  <si>
    <t>(046)251-1129</t>
  </si>
  <si>
    <t>(046)251-2277</t>
  </si>
  <si>
    <t>(046)251-3892</t>
  </si>
  <si>
    <t>(046)253-3357</t>
  </si>
  <si>
    <t>(046)256-0642</t>
  </si>
  <si>
    <t>(046)254-9977</t>
  </si>
  <si>
    <t>(046)254-8219</t>
  </si>
  <si>
    <t>(046)253-2183</t>
  </si>
  <si>
    <t>(046)253-2197</t>
  </si>
  <si>
    <t>(046)256-0700</t>
  </si>
  <si>
    <t>(046)256-0656</t>
  </si>
  <si>
    <t>(046)285-0029</t>
  </si>
  <si>
    <t>(046)286-7984</t>
  </si>
  <si>
    <t>(046)281-0094</t>
  </si>
  <si>
    <t>(046)281-6154</t>
  </si>
  <si>
    <t>(046)286-2710</t>
  </si>
  <si>
    <t>(046)286-7985</t>
  </si>
  <si>
    <t>(046)288-1241</t>
  </si>
  <si>
    <t>(046)288-3113</t>
  </si>
  <si>
    <t>(046)288-1354</t>
  </si>
  <si>
    <t>(046)288-1372</t>
  </si>
  <si>
    <t>(0467)25-1300</t>
  </si>
  <si>
    <t>(0467)25-1302</t>
  </si>
  <si>
    <t>(0467)25-1304</t>
  </si>
  <si>
    <t>(0467)31-1500</t>
  </si>
  <si>
    <t>(0467)44-1222</t>
  </si>
  <si>
    <t>(0467)44-1220</t>
  </si>
  <si>
    <t>(0467)45-6197</t>
  </si>
  <si>
    <t>(0467)47-5131</t>
  </si>
  <si>
    <t>(0467)32-0801</t>
  </si>
  <si>
    <t>(0467)85-1181</t>
  </si>
  <si>
    <t>(0467)85-2247</t>
  </si>
  <si>
    <t>(0467)52-5147</t>
  </si>
  <si>
    <t>(0467)85-3167</t>
  </si>
  <si>
    <t>(0467)85-1127</t>
  </si>
  <si>
    <t>(0467)85-1263</t>
  </si>
  <si>
    <t>(0467)51-1170</t>
  </si>
  <si>
    <t>(0467)85-1262</t>
  </si>
  <si>
    <t>(0467)51-8311</t>
  </si>
  <si>
    <t>(0467)85-1183</t>
  </si>
  <si>
    <t>(0467)53-1244</t>
  </si>
  <si>
    <t>(0467)53-2011</t>
  </si>
  <si>
    <t>(0467)82-9192</t>
  </si>
  <si>
    <t>(0467)75-0051</t>
  </si>
  <si>
    <t>(0467)75-5553</t>
  </si>
  <si>
    <t>(0467)74-0332</t>
  </si>
  <si>
    <t>(0467)78-0024</t>
  </si>
  <si>
    <t>(0467)78-7108</t>
  </si>
  <si>
    <t>(0467)78-8566</t>
  </si>
  <si>
    <t>(0467)78-8568</t>
  </si>
  <si>
    <t>(0467)77-6134</t>
  </si>
  <si>
    <t>(0467)77-6142</t>
  </si>
  <si>
    <t>(0467)77-8430</t>
  </si>
  <si>
    <t>(0467)77-8457</t>
  </si>
  <si>
    <t>(0467)76-8661</t>
  </si>
  <si>
    <t>(0467)76-8613</t>
  </si>
  <si>
    <t>(0466)25-3100</t>
  </si>
  <si>
    <t>(0466)50-0964</t>
  </si>
  <si>
    <t>(0466)33-1300</t>
  </si>
  <si>
    <t>(0466)33-6943</t>
  </si>
  <si>
    <t>(0466)25-6255</t>
  </si>
  <si>
    <t>(0466)22-0942</t>
  </si>
  <si>
    <t>(0466)81-2802</t>
  </si>
  <si>
    <t>(0466)84-5406</t>
  </si>
  <si>
    <t>(0466)26-2814</t>
  </si>
  <si>
    <t>(0466)50-6876</t>
  </si>
  <si>
    <t>(0466)48-1014</t>
  </si>
  <si>
    <t>(0466)47-0828</t>
  </si>
  <si>
    <t>(0466)33-2215</t>
  </si>
  <si>
    <t>(0466)37-1063</t>
  </si>
  <si>
    <t>(0466)44-0341</t>
  </si>
  <si>
    <t>(0466)46-6905</t>
  </si>
  <si>
    <t>(0466)26-5197</t>
  </si>
  <si>
    <t>(0466)50-6877</t>
  </si>
  <si>
    <t>(0466)34-5225</t>
  </si>
  <si>
    <t>(0466)37-1064</t>
  </si>
  <si>
    <t>(0466)82-2212</t>
  </si>
  <si>
    <t>(0466)84-5407</t>
  </si>
  <si>
    <t>(0466)87-6815</t>
  </si>
  <si>
    <t>(0466)87-0476</t>
  </si>
  <si>
    <t>(0466)87-5271</t>
  </si>
  <si>
    <t>(0466)87-3249</t>
  </si>
  <si>
    <t>(0466)27-6421</t>
  </si>
  <si>
    <t>(0466)50-6878</t>
  </si>
  <si>
    <t>(0466)45-4811</t>
  </si>
  <si>
    <t>(0466)46-6906</t>
  </si>
  <si>
    <t>(0466)45-5320</t>
  </si>
  <si>
    <t>(0466)46-6907</t>
  </si>
  <si>
    <t>(0466)87-9148</t>
  </si>
  <si>
    <t>(0466)86-1449</t>
  </si>
  <si>
    <t>(0466)82-2503</t>
  </si>
  <si>
    <t>(0466)82-9459</t>
  </si>
  <si>
    <t>(0466)36-3111</t>
  </si>
  <si>
    <t>(0466)37-1065</t>
  </si>
  <si>
    <t>(0463)21-0414</t>
  </si>
  <si>
    <t>(0463)23-6972</t>
  </si>
  <si>
    <t>(0463)21-0419</t>
  </si>
  <si>
    <t>(0463)23-7098</t>
  </si>
  <si>
    <t>(0463)31-0420</t>
  </si>
  <si>
    <t>(0463)33-5153</t>
  </si>
  <si>
    <t>(0463)31-0479</t>
  </si>
  <si>
    <t>(0463)33-5736</t>
  </si>
  <si>
    <t>(0463)55-1568</t>
  </si>
  <si>
    <t>(0463)53-1429</t>
  </si>
  <si>
    <t>(0463)54-1623</t>
  </si>
  <si>
    <t>(0463)53-1449</t>
  </si>
  <si>
    <t>(0463)58-6680</t>
  </si>
  <si>
    <t>(0463)59-6442</t>
  </si>
  <si>
    <t>(0463)58-0151</t>
  </si>
  <si>
    <t>(0463)59-6440</t>
  </si>
  <si>
    <t>(0463)33-2151</t>
  </si>
  <si>
    <t>(0463)33-5328</t>
  </si>
  <si>
    <t>(0463)54-0626</t>
  </si>
  <si>
    <t>(0463)53-1419</t>
  </si>
  <si>
    <t>(0463)34-2530</t>
  </si>
  <si>
    <t>(0463)33-0544</t>
  </si>
  <si>
    <t>(0463)23-6215</t>
  </si>
  <si>
    <t>(0463)23-7203</t>
  </si>
  <si>
    <t>(0463)58-8558</t>
  </si>
  <si>
    <t>(0463)59-6449</t>
  </si>
  <si>
    <t>(0463)55-8131</t>
  </si>
  <si>
    <t>(0463)53-1457</t>
  </si>
  <si>
    <t>(0463)59-0400</t>
  </si>
  <si>
    <t>(0463)59-6444</t>
  </si>
  <si>
    <t>(0463)81-0342</t>
  </si>
  <si>
    <t>(0463)81-0746</t>
  </si>
  <si>
    <t>(0463)81-0113</t>
  </si>
  <si>
    <t>(0463)81-6097</t>
  </si>
  <si>
    <t>(0463)81-0082</t>
  </si>
  <si>
    <t>(0463)83-6748</t>
  </si>
  <si>
    <t>(0463)75-1717</t>
  </si>
  <si>
    <t>(0463)75-4223</t>
  </si>
  <si>
    <t>(0463)77-0446</t>
  </si>
  <si>
    <t>(0463)76-4912</t>
  </si>
  <si>
    <t>(0463)88-0022</t>
  </si>
  <si>
    <t>(0463)88-1984</t>
  </si>
  <si>
    <t>(0463)82-8402</t>
  </si>
  <si>
    <t>(0463)82-8403</t>
  </si>
  <si>
    <t>(0463)87-2527</t>
  </si>
  <si>
    <t>(0463)87-6157</t>
  </si>
  <si>
    <t>(0463)78-3769</t>
  </si>
  <si>
    <t>(0463)78-3774</t>
  </si>
  <si>
    <t>(0463)95-2362</t>
  </si>
  <si>
    <t>(0463)95-9584</t>
  </si>
  <si>
    <t>(0463)95-1309</t>
  </si>
  <si>
    <t>(0463)95-9588</t>
  </si>
  <si>
    <t>(0463)95-2539</t>
  </si>
  <si>
    <t>(0463)95-9586</t>
  </si>
  <si>
    <t>(0463)94-5756</t>
  </si>
  <si>
    <t>(0463)95-9580</t>
  </si>
  <si>
    <t>(0463)61-0073</t>
  </si>
  <si>
    <t>(0463)61-2465</t>
  </si>
  <si>
    <t>(0463)71-0410</t>
  </si>
  <si>
    <t>(0463)72-6256</t>
  </si>
  <si>
    <t>(0463)73-0623</t>
  </si>
  <si>
    <t>(0463)71-0269</t>
  </si>
  <si>
    <t>(0463)71-3427</t>
  </si>
  <si>
    <t>(0463)71-3116</t>
  </si>
  <si>
    <t>(0463)71-7991</t>
  </si>
  <si>
    <t>(0465)74-2415</t>
  </si>
  <si>
    <t>(0465)74-3130</t>
  </si>
  <si>
    <t>(0465)74-2416</t>
  </si>
  <si>
    <t>(0465)73-1257</t>
  </si>
  <si>
    <t>(0465)74-7511</t>
  </si>
  <si>
    <t>(0465)73-1285</t>
  </si>
  <si>
    <t>(0465)81-0226</t>
  </si>
  <si>
    <t>(0465)81-0999</t>
  </si>
  <si>
    <t>(0465)82-2541</t>
  </si>
  <si>
    <t>(0465)82-2607</t>
  </si>
  <si>
    <t>(0465)75-0755</t>
  </si>
  <si>
    <t>(0465)75-0760</t>
  </si>
  <si>
    <t>(0465)83-1386</t>
  </si>
  <si>
    <t>(0465)82-8472</t>
  </si>
  <si>
    <t>(0465)34-0209</t>
  </si>
  <si>
    <t>(0465)32-7569</t>
  </si>
  <si>
    <t>(0465)34-1736</t>
  </si>
  <si>
    <t>(0465)32-7584</t>
  </si>
  <si>
    <t>(0465)34-9295</t>
  </si>
  <si>
    <t>(0465)32-7586</t>
  </si>
  <si>
    <t>(0465)22-0274</t>
  </si>
  <si>
    <t>(0465)22-0464</t>
  </si>
  <si>
    <t>(0465)47-3361</t>
  </si>
  <si>
    <t>(0465)49-6814</t>
  </si>
  <si>
    <t>(0465)42-1640</t>
  </si>
  <si>
    <t>(0465)42-6814</t>
  </si>
  <si>
    <t>(0465)47-9148</t>
  </si>
  <si>
    <t>(0465)47-1394</t>
  </si>
  <si>
    <t>(0465)47-3344</t>
  </si>
  <si>
    <t>(0465)49-6821</t>
  </si>
  <si>
    <t>(0465)36-3440</t>
  </si>
  <si>
    <t>(0465)36-1981</t>
  </si>
  <si>
    <t>(0465)43-0250</t>
  </si>
  <si>
    <t>(0465)43-4504</t>
  </si>
  <si>
    <t>(0465)36-9518</t>
  </si>
  <si>
    <t>(0465)36-2293</t>
  </si>
  <si>
    <t>(0465)68-2195</t>
  </si>
  <si>
    <t>(0465)68-2196</t>
  </si>
  <si>
    <t>(0465)62-3393</t>
  </si>
  <si>
    <t>(0465)63-7714</t>
  </si>
  <si>
    <t>三浦市立三崎中学校</t>
    <rPh sb="0" eb="2">
      <t>ミウラ</t>
    </rPh>
    <rPh sb="2" eb="4">
      <t>シリツ</t>
    </rPh>
    <rPh sb="4" eb="6">
      <t>ミサキ</t>
    </rPh>
    <rPh sb="6" eb="9">
      <t>チュウガッコウ</t>
    </rPh>
    <phoneticPr fontId="1"/>
  </si>
  <si>
    <t>238-0221</t>
    <phoneticPr fontId="1"/>
  </si>
  <si>
    <t>三浦市三崎町六合45-1</t>
    <rPh sb="0" eb="2">
      <t>ミウラ</t>
    </rPh>
    <rPh sb="2" eb="3">
      <t>シ</t>
    </rPh>
    <rPh sb="3" eb="5">
      <t>ミサキ</t>
    </rPh>
    <rPh sb="5" eb="6">
      <t>マチ</t>
    </rPh>
    <rPh sb="6" eb="7">
      <t>ロク</t>
    </rPh>
    <rPh sb="7" eb="8">
      <t>ア</t>
    </rPh>
    <phoneticPr fontId="1"/>
  </si>
  <si>
    <t>(046)881-5243</t>
    <phoneticPr fontId="1"/>
  </si>
  <si>
    <t>(046)881-5244</t>
    <phoneticPr fontId="1"/>
  </si>
  <si>
    <t>山北町（本校１校）</t>
    <rPh sb="0" eb="3">
      <t>ヤマキタマチ</t>
    </rPh>
    <rPh sb="4" eb="6">
      <t>ホンコウ</t>
    </rPh>
    <rPh sb="7" eb="8">
      <t>コウ</t>
    </rPh>
    <phoneticPr fontId="1"/>
  </si>
  <si>
    <t>山北町立山北中学校</t>
    <phoneticPr fontId="2"/>
  </si>
  <si>
    <t>分校1校）</t>
    <phoneticPr fontId="1"/>
  </si>
  <si>
    <t>〃五領ヶ台分校</t>
    <rPh sb="1" eb="2">
      <t>ゴ</t>
    </rPh>
    <rPh sb="2" eb="3">
      <t>リョウ</t>
    </rPh>
    <rPh sb="4" eb="5">
      <t>ダイ</t>
    </rPh>
    <rPh sb="5" eb="7">
      <t>ブンコウ</t>
    </rPh>
    <phoneticPr fontId="2"/>
  </si>
  <si>
    <t>ごりょうがだい</t>
    <phoneticPr fontId="1"/>
  </si>
  <si>
    <t>259-1213</t>
    <phoneticPr fontId="1"/>
  </si>
  <si>
    <t>平塚市片岡991-1</t>
    <phoneticPr fontId="1"/>
  </si>
  <si>
    <t>（0463）56-0318</t>
    <phoneticPr fontId="1"/>
  </si>
  <si>
    <t>（0463）59-3815</t>
    <phoneticPr fontId="1"/>
  </si>
  <si>
    <t>(0465)82-2261</t>
    <phoneticPr fontId="1"/>
  </si>
  <si>
    <t>ファクシミリ</t>
    <phoneticPr fontId="1"/>
  </si>
  <si>
    <t>茅ヶ崎市立第一中学校</t>
    <rPh sb="0" eb="3">
      <t>チガサキ</t>
    </rPh>
    <rPh sb="3" eb="5">
      <t>シリツ</t>
    </rPh>
    <phoneticPr fontId="2"/>
  </si>
  <si>
    <t>茅ヶ崎市立鶴嶺中学校</t>
    <phoneticPr fontId="2"/>
  </si>
  <si>
    <t>茅ヶ崎市立松林中学校</t>
    <phoneticPr fontId="2"/>
  </si>
  <si>
    <t>茅ヶ崎市立西浜中学校</t>
    <phoneticPr fontId="2"/>
  </si>
  <si>
    <t>茅ヶ崎市立松浪中学校</t>
    <phoneticPr fontId="2"/>
  </si>
  <si>
    <t>茅ヶ崎市立梅田中学校</t>
    <phoneticPr fontId="2"/>
  </si>
  <si>
    <t>茅ヶ崎市立鶴が台中学校</t>
    <phoneticPr fontId="2"/>
  </si>
  <si>
    <t>茅ヶ崎市立浜須賀中学校</t>
    <phoneticPr fontId="2"/>
  </si>
  <si>
    <t>茅ヶ崎市立北陽中学校</t>
    <phoneticPr fontId="2"/>
  </si>
  <si>
    <t>茅ヶ崎市立中島中学校</t>
    <phoneticPr fontId="2"/>
  </si>
  <si>
    <t>茅ヶ崎市立円蔵中学校</t>
    <phoneticPr fontId="2"/>
  </si>
  <si>
    <t>茅ヶ崎市立赤羽根中学校</t>
    <phoneticPr fontId="2"/>
  </si>
  <si>
    <t>茅ヶ崎市立萩園中学校</t>
    <phoneticPr fontId="2"/>
  </si>
  <si>
    <t>(0465)85-1253</t>
    <phoneticPr fontId="1"/>
  </si>
  <si>
    <t>(0460)82-3000</t>
    <phoneticPr fontId="2"/>
  </si>
  <si>
    <t>(0460)82-3548</t>
    <phoneticPr fontId="1"/>
  </si>
  <si>
    <r>
      <t>（本校2</t>
    </r>
    <r>
      <rPr>
        <sz val="11"/>
        <rFont val="ＭＳ Ｐゴシック"/>
        <family val="3"/>
        <charset val="128"/>
      </rPr>
      <t>3校）</t>
    </r>
    <rPh sb="1" eb="3">
      <t>ホンコウ</t>
    </rPh>
    <rPh sb="5" eb="6">
      <t>コウ</t>
    </rPh>
    <phoneticPr fontId="1"/>
  </si>
  <si>
    <r>
      <t>小田原市板橋875</t>
    </r>
    <r>
      <rPr>
        <sz val="11"/>
        <rFont val="ＭＳ Ｐゴシック"/>
        <family val="3"/>
        <charset val="128"/>
      </rPr>
      <t>-1</t>
    </r>
    <phoneticPr fontId="2"/>
  </si>
  <si>
    <r>
      <t>（本校</t>
    </r>
    <r>
      <rPr>
        <sz val="11"/>
        <rFont val="ＭＳ Ｐゴシック"/>
        <family val="3"/>
        <charset val="128"/>
      </rPr>
      <t>3校）</t>
    </r>
    <rPh sb="1" eb="3">
      <t>ホンコウ</t>
    </rPh>
    <rPh sb="4" eb="5">
      <t>コウ</t>
    </rPh>
    <phoneticPr fontId="1"/>
  </si>
  <si>
    <r>
      <t>243-</t>
    </r>
    <r>
      <rPr>
        <sz val="11"/>
        <rFont val="ＭＳ Ｐゴシック"/>
        <family val="3"/>
        <charset val="128"/>
      </rPr>
      <t>0211</t>
    </r>
    <phoneticPr fontId="1"/>
  </si>
  <si>
    <r>
      <t>厚木市</t>
    </r>
    <r>
      <rPr>
        <sz val="11"/>
        <rFont val="ＭＳ Ｐゴシック"/>
        <family val="3"/>
        <charset val="128"/>
      </rPr>
      <t>三田3-1-1</t>
    </r>
    <rPh sb="3" eb="5">
      <t>サンダ</t>
    </rPh>
    <phoneticPr fontId="1"/>
  </si>
  <si>
    <r>
      <t>243-04</t>
    </r>
    <r>
      <rPr>
        <sz val="11"/>
        <rFont val="ＭＳ Ｐゴシック"/>
        <family val="3"/>
        <charset val="128"/>
      </rPr>
      <t>05</t>
    </r>
    <phoneticPr fontId="2"/>
  </si>
  <si>
    <r>
      <t>座間市ひばりが丘</t>
    </r>
    <r>
      <rPr>
        <sz val="11"/>
        <rFont val="ＭＳ Ｐゴシック"/>
        <family val="3"/>
        <charset val="128"/>
      </rPr>
      <t>5-57-1</t>
    </r>
    <phoneticPr fontId="2"/>
  </si>
  <si>
    <r>
      <t>252-110</t>
    </r>
    <r>
      <rPr>
        <sz val="11"/>
        <rFont val="ＭＳ Ｐゴシック"/>
        <family val="3"/>
        <charset val="128"/>
      </rPr>
      <t>8</t>
    </r>
    <phoneticPr fontId="1"/>
  </si>
  <si>
    <r>
      <t>240-</t>
    </r>
    <r>
      <rPr>
        <sz val="11"/>
        <rFont val="ＭＳ Ｐゴシック"/>
        <family val="3"/>
        <charset val="128"/>
      </rPr>
      <t>0112</t>
    </r>
    <phoneticPr fontId="2"/>
  </si>
  <si>
    <r>
      <t>259-03</t>
    </r>
    <r>
      <rPr>
        <sz val="11"/>
        <rFont val="ＭＳ Ｐゴシック"/>
        <family val="3"/>
        <charset val="128"/>
      </rPr>
      <t>12</t>
    </r>
    <phoneticPr fontId="1"/>
  </si>
  <si>
    <t>松田町（本校１校）</t>
    <rPh sb="0" eb="2">
      <t>マツダ</t>
    </rPh>
    <rPh sb="2" eb="3">
      <t>マチ</t>
    </rPh>
    <rPh sb="4" eb="6">
      <t>ホンコウ</t>
    </rPh>
    <rPh sb="7" eb="8">
      <t>コウ</t>
    </rPh>
    <phoneticPr fontId="1"/>
  </si>
  <si>
    <t>平塚市龍城ケ丘4-26</t>
    <phoneticPr fontId="1"/>
  </si>
  <si>
    <t>鎌倉市立手広中学校</t>
  </si>
  <si>
    <t>てびろ</t>
  </si>
  <si>
    <t>鎌倉市手広5-7-1</t>
  </si>
  <si>
    <t>-</t>
  </si>
  <si>
    <t>鎌倉市立岩瀬中学校</t>
  </si>
  <si>
    <t>いわせ</t>
  </si>
  <si>
    <t>座間市緑ケ丘4-6-10</t>
    <phoneticPr fontId="1"/>
  </si>
  <si>
    <t>三浦郡葉山町堀内2247-2</t>
    <rPh sb="0" eb="3">
      <t>ミウラグン</t>
    </rPh>
    <phoneticPr fontId="1"/>
  </si>
  <si>
    <t>三浦郡葉山町長柄1835</t>
    <phoneticPr fontId="1"/>
  </si>
  <si>
    <t>高座郡寒川町一之宮3-9-1</t>
    <rPh sb="0" eb="2">
      <t>コウザ</t>
    </rPh>
    <rPh sb="2" eb="3">
      <t>グン</t>
    </rPh>
    <phoneticPr fontId="1"/>
  </si>
  <si>
    <t>高座郡寒川町小動933</t>
    <phoneticPr fontId="1"/>
  </si>
  <si>
    <t>高座郡寒川町岡田718</t>
    <phoneticPr fontId="1"/>
  </si>
  <si>
    <t>中郡大磯町東小磯261</t>
    <rPh sb="0" eb="2">
      <t>ナカグン</t>
    </rPh>
    <phoneticPr fontId="1"/>
  </si>
  <si>
    <t>中郡大磯町月京40-1</t>
    <phoneticPr fontId="1"/>
  </si>
  <si>
    <t>中郡大磯町生沢530</t>
    <rPh sb="2" eb="5">
      <t>オオイソマチ</t>
    </rPh>
    <rPh sb="5" eb="7">
      <t>イクサワ</t>
    </rPh>
    <rPh sb="7" eb="10">
      <t>５２７バンチ</t>
    </rPh>
    <phoneticPr fontId="2"/>
  </si>
  <si>
    <t>中郡二宮町二宮54-2</t>
    <phoneticPr fontId="1"/>
  </si>
  <si>
    <t>中郡二宮町川匂323</t>
    <phoneticPr fontId="1"/>
  </si>
  <si>
    <t>足柄上郡中井町比奈窪295</t>
    <rPh sb="0" eb="4">
      <t>アシガラカミグン</t>
    </rPh>
    <phoneticPr fontId="1"/>
  </si>
  <si>
    <t>足柄上郡大井町金子1950</t>
    <phoneticPr fontId="1"/>
  </si>
  <si>
    <t>足柄上郡松田町松田惣領1400</t>
    <phoneticPr fontId="1"/>
  </si>
  <si>
    <t>足柄上郡山北町向原405</t>
    <phoneticPr fontId="1"/>
  </si>
  <si>
    <t>足柄上郡開成町吉田島1805</t>
    <phoneticPr fontId="1"/>
  </si>
  <si>
    <t>足柄下郡箱根町二ノ平1154</t>
    <rPh sb="0" eb="4">
      <t>アシガラシモグン</t>
    </rPh>
    <phoneticPr fontId="1"/>
  </si>
  <si>
    <t>足柄下郡真鶴町真鶴1855</t>
    <phoneticPr fontId="1"/>
  </si>
  <si>
    <t>足柄下郡湯河原町吉浜1576-31</t>
    <rPh sb="8" eb="10">
      <t>ヨシハマ</t>
    </rPh>
    <phoneticPr fontId="1"/>
  </si>
  <si>
    <t>愛甲郡愛川町中津1400</t>
    <rPh sb="0" eb="3">
      <t>アイコウグン</t>
    </rPh>
    <phoneticPr fontId="1"/>
  </si>
  <si>
    <t>愛甲郡愛川町田代1395</t>
    <phoneticPr fontId="1"/>
  </si>
  <si>
    <t>愛甲郡愛川町角田210</t>
    <phoneticPr fontId="1"/>
  </si>
  <si>
    <t>愛甲郡清川村煤ヶ谷1933</t>
    <phoneticPr fontId="1"/>
  </si>
  <si>
    <t>愛甲郡清川村宮ヶ瀬954-1</t>
    <phoneticPr fontId="1"/>
  </si>
  <si>
    <t>242-0022</t>
    <phoneticPr fontId="1"/>
  </si>
  <si>
    <t>大和市柳橋1-17-7 大和市立柳橋小学校内</t>
    <phoneticPr fontId="1"/>
  </si>
  <si>
    <t>（分教室1教室）</t>
    <rPh sb="1" eb="2">
      <t>ブン</t>
    </rPh>
    <rPh sb="2" eb="4">
      <t>キョウシツ</t>
    </rPh>
    <rPh sb="5" eb="7">
      <t>キョウシツ</t>
    </rPh>
    <phoneticPr fontId="1"/>
  </si>
  <si>
    <t>(0467)75-2583</t>
    <phoneticPr fontId="1"/>
  </si>
  <si>
    <t>(0467)75-3329</t>
    <phoneticPr fontId="1"/>
  </si>
  <si>
    <t>(0467)74-0976</t>
    <phoneticPr fontId="1"/>
  </si>
  <si>
    <t>大和市立引地台中学校（分教室）</t>
    <phoneticPr fontId="1"/>
  </si>
  <si>
    <t>(046)263-3118</t>
    <phoneticPr fontId="1"/>
  </si>
  <si>
    <t>-</t>
    <phoneticPr fontId="1"/>
  </si>
  <si>
    <t>ひきじだい</t>
    <phoneticPr fontId="2"/>
  </si>
  <si>
    <t>243-0218</t>
    <phoneticPr fontId="1"/>
  </si>
  <si>
    <t>厚木市飯山南4-9-2</t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color indexed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3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2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3" fillId="0" borderId="0" xfId="0" applyFont="1" applyFill="1"/>
    <xf numFmtId="0" fontId="5" fillId="0" borderId="0" xfId="0" applyFont="1"/>
    <xf numFmtId="0" fontId="5" fillId="0" borderId="0" xfId="0" applyFont="1" applyAlignment="1">
      <alignment horizontal="center"/>
    </xf>
    <xf numFmtId="0" fontId="4" fillId="0" borderId="0" xfId="0" applyFont="1" applyFill="1" applyBorder="1" applyAlignment="1">
      <alignment vertical="center"/>
    </xf>
    <xf numFmtId="0" fontId="5" fillId="0" borderId="0" xfId="0" applyFont="1" applyFill="1" applyAlignment="1">
      <alignment horizontal="center"/>
    </xf>
    <xf numFmtId="0" fontId="5" fillId="2" borderId="1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/>
    </xf>
    <xf numFmtId="0" fontId="5" fillId="2" borderId="3" xfId="0" applyFont="1" applyFill="1" applyBorder="1" applyAlignment="1">
      <alignment horizontal="center" vertical="center"/>
    </xf>
    <xf numFmtId="0" fontId="0" fillId="2" borderId="4" xfId="0" applyFont="1" applyFill="1" applyBorder="1" applyAlignment="1">
      <alignment horizontal="center" vertical="center"/>
    </xf>
    <xf numFmtId="0" fontId="0" fillId="0" borderId="0" xfId="0" applyFont="1" applyFill="1"/>
    <xf numFmtId="0" fontId="0" fillId="0" borderId="0" xfId="0" applyFont="1" applyFill="1" applyAlignment="1">
      <alignment horizontal="left"/>
    </xf>
    <xf numFmtId="0" fontId="0" fillId="0" borderId="0" xfId="0" applyFont="1" applyFill="1" applyBorder="1"/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0" xfId="0" applyNumberFormat="1" applyFont="1" applyFill="1" applyBorder="1" applyAlignment="1">
      <alignment horizontal="left" vertical="center" shrinkToFit="1"/>
    </xf>
    <xf numFmtId="0" fontId="0" fillId="0" borderId="6" xfId="0" applyNumberFormat="1" applyFont="1" applyFill="1" applyBorder="1" applyAlignment="1">
      <alignment horizontal="left" vertical="center" shrinkToFit="1"/>
    </xf>
    <xf numFmtId="0" fontId="0" fillId="0" borderId="0" xfId="0" applyNumberFormat="1" applyFont="1" applyFill="1" applyBorder="1" applyAlignment="1">
      <alignment horizontal="center" vertical="center" shrinkToFit="1"/>
    </xf>
    <xf numFmtId="0" fontId="0" fillId="0" borderId="6" xfId="0" applyNumberFormat="1" applyFont="1" applyFill="1" applyBorder="1" applyAlignment="1">
      <alignment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left" vertical="center" shrinkToFit="1"/>
    </xf>
    <xf numFmtId="0" fontId="0" fillId="0" borderId="10" xfId="0" applyNumberFormat="1" applyFont="1" applyFill="1" applyBorder="1" applyAlignment="1">
      <alignment horizontal="left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10" xfId="0" applyNumberFormat="1" applyFont="1" applyFill="1" applyBorder="1" applyAlignment="1">
      <alignment vertical="center" shrinkToFit="1"/>
    </xf>
    <xf numFmtId="0" fontId="0" fillId="0" borderId="10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13" xfId="0" applyNumberFormat="1" applyFont="1" applyFill="1" applyBorder="1" applyAlignment="1">
      <alignment horizontal="center" vertical="center" shrinkToFit="1"/>
    </xf>
    <xf numFmtId="0" fontId="0" fillId="0" borderId="14" xfId="0" applyNumberFormat="1" applyFont="1" applyFill="1" applyBorder="1" applyAlignment="1">
      <alignment horizontal="center" vertical="center" shrinkToFit="1"/>
    </xf>
    <xf numFmtId="0" fontId="0" fillId="0" borderId="15" xfId="0" applyNumberFormat="1" applyFont="1" applyFill="1" applyBorder="1" applyAlignment="1">
      <alignment horizontal="left" vertical="center" shrinkToFit="1"/>
    </xf>
    <xf numFmtId="0" fontId="0" fillId="0" borderId="16" xfId="0" applyNumberFormat="1" applyFont="1" applyFill="1" applyBorder="1" applyAlignment="1">
      <alignment horizontal="left" vertical="center" shrinkToFit="1"/>
    </xf>
    <xf numFmtId="0" fontId="0" fillId="0" borderId="15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vertical="center" shrinkToFit="1"/>
    </xf>
    <xf numFmtId="0" fontId="0" fillId="0" borderId="16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left" vertical="center" shrinkToFit="1"/>
    </xf>
    <xf numFmtId="0" fontId="0" fillId="0" borderId="18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horizontal="left" vertical="center" shrinkToFit="1"/>
    </xf>
    <xf numFmtId="0" fontId="0" fillId="0" borderId="20" xfId="0" applyNumberFormat="1" applyFont="1" applyFill="1" applyBorder="1" applyAlignment="1">
      <alignment horizontal="left" vertical="center" shrinkToFit="1"/>
    </xf>
    <xf numFmtId="0" fontId="0" fillId="0" borderId="21" xfId="0" applyNumberFormat="1" applyFont="1" applyFill="1" applyBorder="1" applyAlignment="1">
      <alignment horizontal="left" vertical="center" shrinkToFit="1"/>
    </xf>
    <xf numFmtId="0" fontId="0" fillId="0" borderId="22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horizontal="center" vertical="center" shrinkToFit="1"/>
    </xf>
    <xf numFmtId="0" fontId="0" fillId="0" borderId="23" xfId="0" applyNumberFormat="1" applyFont="1" applyFill="1" applyBorder="1" applyAlignment="1">
      <alignment horizontal="center" vertical="center" shrinkToFit="1"/>
    </xf>
    <xf numFmtId="0" fontId="0" fillId="0" borderId="24" xfId="0" applyNumberFormat="1" applyFont="1" applyFill="1" applyBorder="1" applyAlignment="1">
      <alignment horizontal="left" vertical="center" shrinkToFit="1"/>
    </xf>
    <xf numFmtId="0" fontId="0" fillId="0" borderId="25" xfId="0" applyNumberFormat="1" applyFont="1" applyFill="1" applyBorder="1" applyAlignment="1">
      <alignment horizontal="left" vertical="center" shrinkToFit="1"/>
    </xf>
    <xf numFmtId="0" fontId="0" fillId="0" borderId="24" xfId="0" applyNumberFormat="1" applyFont="1" applyFill="1" applyBorder="1" applyAlignment="1">
      <alignment horizontal="center" vertical="center" shrinkToFit="1"/>
    </xf>
    <xf numFmtId="0" fontId="0" fillId="0" borderId="25" xfId="0" applyNumberFormat="1" applyFont="1" applyFill="1" applyBorder="1" applyAlignment="1">
      <alignment horizontal="center" vertical="center" shrinkToFit="1"/>
    </xf>
    <xf numFmtId="0" fontId="0" fillId="0" borderId="26" xfId="0" applyNumberFormat="1" applyFont="1" applyFill="1" applyBorder="1" applyAlignment="1">
      <alignment horizontal="center" vertical="center" shrinkToFit="1"/>
    </xf>
    <xf numFmtId="0" fontId="0" fillId="0" borderId="29" xfId="0" applyNumberFormat="1" applyFont="1" applyFill="1" applyBorder="1" applyAlignment="1">
      <alignment horizontal="left" vertical="center" shrinkToFit="1"/>
    </xf>
    <xf numFmtId="0" fontId="0" fillId="0" borderId="28" xfId="0" applyNumberFormat="1" applyFont="1" applyFill="1" applyBorder="1" applyAlignment="1">
      <alignment horizontal="left" vertical="center" shrinkToFit="1"/>
    </xf>
    <xf numFmtId="0" fontId="0" fillId="0" borderId="29" xfId="0" applyNumberFormat="1" applyFont="1" applyFill="1" applyBorder="1" applyAlignment="1">
      <alignment horizontal="center" vertical="center" shrinkToFit="1"/>
    </xf>
    <xf numFmtId="0" fontId="0" fillId="0" borderId="28" xfId="0" applyNumberFormat="1" applyFont="1" applyFill="1" applyBorder="1" applyAlignment="1">
      <alignment horizontal="center" vertical="center" shrinkToFit="1"/>
    </xf>
    <xf numFmtId="0" fontId="0" fillId="0" borderId="30" xfId="0" applyNumberFormat="1" applyFont="1" applyFill="1" applyBorder="1" applyAlignment="1">
      <alignment horizontal="center" vertical="center" shrinkToFit="1"/>
    </xf>
    <xf numFmtId="0" fontId="0" fillId="0" borderId="1" xfId="0" applyNumberFormat="1" applyFont="1" applyFill="1" applyBorder="1" applyAlignment="1">
      <alignment horizontal="center" vertical="center" shrinkToFit="1"/>
    </xf>
    <xf numFmtId="0" fontId="0" fillId="0" borderId="31" xfId="0" applyNumberFormat="1" applyFont="1" applyFill="1" applyBorder="1" applyAlignment="1">
      <alignment horizontal="left" vertical="center" shrinkToFit="1"/>
    </xf>
    <xf numFmtId="0" fontId="0" fillId="0" borderId="3" xfId="0" applyNumberFormat="1" applyFont="1" applyFill="1" applyBorder="1" applyAlignment="1">
      <alignment horizontal="left" vertical="center" shrinkToFit="1"/>
    </xf>
    <xf numFmtId="0" fontId="0" fillId="0" borderId="2" xfId="0" applyNumberFormat="1" applyFont="1" applyFill="1" applyBorder="1" applyAlignment="1">
      <alignment horizontal="center" vertical="center" shrinkToFit="1"/>
    </xf>
    <xf numFmtId="0" fontId="0" fillId="0" borderId="3" xfId="0" applyNumberFormat="1" applyFont="1" applyFill="1" applyBorder="1" applyAlignment="1">
      <alignment horizontal="center" vertical="center" shrinkToFit="1"/>
    </xf>
    <xf numFmtId="0" fontId="0" fillId="0" borderId="4" xfId="0" applyNumberFormat="1" applyFont="1" applyFill="1" applyBorder="1" applyAlignment="1">
      <alignment horizontal="center" vertical="center" shrinkToFit="1"/>
    </xf>
    <xf numFmtId="0" fontId="0" fillId="0" borderId="27" xfId="0" applyNumberFormat="1" applyFont="1" applyFill="1" applyBorder="1" applyAlignment="1">
      <alignment horizontal="left" vertical="center" shrinkToFit="1"/>
    </xf>
    <xf numFmtId="0" fontId="0" fillId="0" borderId="33" xfId="0" applyNumberFormat="1" applyFont="1" applyFill="1" applyBorder="1" applyAlignment="1">
      <alignment horizontal="center" vertical="center" shrinkToFit="1"/>
    </xf>
    <xf numFmtId="0" fontId="0" fillId="0" borderId="2" xfId="0" applyNumberFormat="1" applyFont="1" applyFill="1" applyBorder="1" applyAlignment="1">
      <alignment horizontal="left" vertical="center" shrinkToFit="1"/>
    </xf>
    <xf numFmtId="0" fontId="0" fillId="0" borderId="32" xfId="0" applyNumberFormat="1" applyFont="1" applyFill="1" applyBorder="1" applyAlignment="1">
      <alignment horizontal="left" vertical="center" shrinkToFit="1"/>
    </xf>
    <xf numFmtId="0" fontId="0" fillId="0" borderId="19" xfId="0" applyNumberFormat="1" applyFont="1" applyFill="1" applyBorder="1" applyAlignment="1">
      <alignment vertical="center" shrinkToFit="1"/>
    </xf>
    <xf numFmtId="0" fontId="0" fillId="0" borderId="25" xfId="0" applyNumberFormat="1" applyFont="1" applyFill="1" applyBorder="1" applyAlignment="1">
      <alignment vertical="center" shrinkToFit="1"/>
    </xf>
    <xf numFmtId="0" fontId="0" fillId="0" borderId="28" xfId="0" applyNumberFormat="1" applyFont="1" applyFill="1" applyBorder="1" applyAlignment="1">
      <alignment vertical="center" shrinkToFit="1"/>
    </xf>
    <xf numFmtId="0" fontId="0" fillId="0" borderId="3" xfId="0" applyNumberFormat="1" applyFont="1" applyFill="1" applyBorder="1" applyAlignment="1">
      <alignment vertical="center" shrinkToFit="1"/>
    </xf>
    <xf numFmtId="49" fontId="0" fillId="0" borderId="0" xfId="0" applyNumberFormat="1" applyFont="1" applyFill="1" applyBorder="1" applyAlignment="1">
      <alignment horizontal="center" vertical="center" wrapText="1"/>
    </xf>
    <xf numFmtId="0" fontId="0" fillId="0" borderId="15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L213"/>
  <sheetViews>
    <sheetView showGridLines="0" tabSelected="1" zoomScaleNormal="100" workbookViewId="0">
      <pane ySplit="4" topLeftCell="A5" activePane="bottomLeft" state="frozen"/>
      <selection pane="bottomLeft" activeCell="G3" sqref="G3:H3"/>
    </sheetView>
  </sheetViews>
  <sheetFormatPr defaultRowHeight="13" x14ac:dyDescent="0.2"/>
  <cols>
    <col min="1" max="1" width="1.26953125" style="2" customWidth="1"/>
    <col min="2" max="2" width="13.90625" style="8" customWidth="1"/>
    <col min="3" max="3" width="23.7265625" style="5" bestFit="1" customWidth="1"/>
    <col min="4" max="4" width="16.6328125" style="5" bestFit="1" customWidth="1"/>
    <col min="5" max="5" width="9.453125" style="5" customWidth="1"/>
    <col min="6" max="6" width="28.36328125" style="5" customWidth="1"/>
    <col min="7" max="7" width="16.36328125" style="5" customWidth="1"/>
    <col min="8" max="8" width="16.36328125" style="6" customWidth="1"/>
    <col min="9" max="9" width="9" style="2"/>
  </cols>
  <sheetData>
    <row r="2" spans="1:9" x14ac:dyDescent="0.2">
      <c r="B2" s="7" t="s">
        <v>437</v>
      </c>
      <c r="E2" s="6"/>
      <c r="G2" s="6"/>
    </row>
    <row r="3" spans="1:9" ht="13.5" thickBot="1" x14ac:dyDescent="0.25">
      <c r="E3" s="6"/>
      <c r="G3" s="71" t="s">
        <v>1091</v>
      </c>
      <c r="H3" s="71"/>
    </row>
    <row r="4" spans="1:9" s="1" customFormat="1" ht="30" customHeight="1" thickBot="1" x14ac:dyDescent="0.25">
      <c r="A4" s="3"/>
      <c r="B4" s="9" t="s">
        <v>421</v>
      </c>
      <c r="C4" s="10" t="s">
        <v>422</v>
      </c>
      <c r="D4" s="11" t="s">
        <v>445</v>
      </c>
      <c r="E4" s="10" t="s">
        <v>423</v>
      </c>
      <c r="F4" s="11" t="s">
        <v>424</v>
      </c>
      <c r="G4" s="11" t="s">
        <v>425</v>
      </c>
      <c r="H4" s="12" t="s">
        <v>1020</v>
      </c>
      <c r="I4" s="3"/>
    </row>
    <row r="5" spans="1:9" s="13" customFormat="1" x14ac:dyDescent="0.2">
      <c r="B5" s="16" t="s">
        <v>4</v>
      </c>
      <c r="C5" s="17" t="s">
        <v>446</v>
      </c>
      <c r="D5" s="18" t="s">
        <v>447</v>
      </c>
      <c r="E5" s="19" t="s">
        <v>5</v>
      </c>
      <c r="F5" s="20" t="s">
        <v>6</v>
      </c>
      <c r="G5" s="21" t="s">
        <v>689</v>
      </c>
      <c r="H5" s="22" t="s">
        <v>690</v>
      </c>
      <c r="I5" s="14"/>
    </row>
    <row r="6" spans="1:9" s="13" customFormat="1" x14ac:dyDescent="0.2">
      <c r="B6" s="23" t="s">
        <v>1037</v>
      </c>
      <c r="C6" s="24" t="s">
        <v>448</v>
      </c>
      <c r="D6" s="25" t="s">
        <v>449</v>
      </c>
      <c r="E6" s="26" t="s">
        <v>7</v>
      </c>
      <c r="F6" s="27" t="s">
        <v>8</v>
      </c>
      <c r="G6" s="28" t="s">
        <v>691</v>
      </c>
      <c r="H6" s="29" t="s">
        <v>692</v>
      </c>
      <c r="I6" s="14"/>
    </row>
    <row r="7" spans="1:9" s="13" customFormat="1" x14ac:dyDescent="0.2">
      <c r="B7" s="30"/>
      <c r="C7" s="24" t="s">
        <v>450</v>
      </c>
      <c r="D7" s="25" t="s">
        <v>9</v>
      </c>
      <c r="E7" s="26" t="s">
        <v>10</v>
      </c>
      <c r="F7" s="27" t="s">
        <v>11</v>
      </c>
      <c r="G7" s="28" t="s">
        <v>693</v>
      </c>
      <c r="H7" s="29" t="s">
        <v>694</v>
      </c>
      <c r="I7" s="14"/>
    </row>
    <row r="8" spans="1:9" s="13" customFormat="1" x14ac:dyDescent="0.2">
      <c r="B8" s="30"/>
      <c r="C8" s="24" t="s">
        <v>12</v>
      </c>
      <c r="D8" s="25" t="s">
        <v>13</v>
      </c>
      <c r="E8" s="26" t="s">
        <v>14</v>
      </c>
      <c r="F8" s="27" t="s">
        <v>15</v>
      </c>
      <c r="G8" s="28" t="s">
        <v>695</v>
      </c>
      <c r="H8" s="29" t="s">
        <v>696</v>
      </c>
      <c r="I8" s="14"/>
    </row>
    <row r="9" spans="1:9" s="13" customFormat="1" x14ac:dyDescent="0.2">
      <c r="B9" s="30"/>
      <c r="C9" s="24" t="s">
        <v>16</v>
      </c>
      <c r="D9" s="25" t="s">
        <v>17</v>
      </c>
      <c r="E9" s="26" t="s">
        <v>14</v>
      </c>
      <c r="F9" s="27" t="s">
        <v>15</v>
      </c>
      <c r="G9" s="28" t="s">
        <v>697</v>
      </c>
      <c r="H9" s="29" t="s">
        <v>698</v>
      </c>
      <c r="I9" s="14"/>
    </row>
    <row r="10" spans="1:9" s="13" customFormat="1" x14ac:dyDescent="0.2">
      <c r="B10" s="30"/>
      <c r="C10" s="24" t="s">
        <v>18</v>
      </c>
      <c r="D10" s="25" t="s">
        <v>19</v>
      </c>
      <c r="E10" s="26" t="s">
        <v>20</v>
      </c>
      <c r="F10" s="27" t="s">
        <v>21</v>
      </c>
      <c r="G10" s="28" t="s">
        <v>699</v>
      </c>
      <c r="H10" s="29" t="s">
        <v>700</v>
      </c>
      <c r="I10" s="14"/>
    </row>
    <row r="11" spans="1:9" s="13" customFormat="1" x14ac:dyDescent="0.2">
      <c r="B11" s="30"/>
      <c r="C11" s="24" t="s">
        <v>22</v>
      </c>
      <c r="D11" s="25" t="s">
        <v>23</v>
      </c>
      <c r="E11" s="26" t="s">
        <v>24</v>
      </c>
      <c r="F11" s="27" t="s">
        <v>25</v>
      </c>
      <c r="G11" s="28" t="s">
        <v>701</v>
      </c>
      <c r="H11" s="29" t="s">
        <v>702</v>
      </c>
      <c r="I11" s="14"/>
    </row>
    <row r="12" spans="1:9" s="13" customFormat="1" x14ac:dyDescent="0.2">
      <c r="B12" s="30"/>
      <c r="C12" s="24" t="s">
        <v>26</v>
      </c>
      <c r="D12" s="25" t="s">
        <v>27</v>
      </c>
      <c r="E12" s="26" t="s">
        <v>28</v>
      </c>
      <c r="F12" s="27" t="s">
        <v>29</v>
      </c>
      <c r="G12" s="28" t="s">
        <v>703</v>
      </c>
      <c r="H12" s="29" t="s">
        <v>704</v>
      </c>
      <c r="I12" s="14"/>
    </row>
    <row r="13" spans="1:9" s="13" customFormat="1" x14ac:dyDescent="0.2">
      <c r="B13" s="30"/>
      <c r="C13" s="24" t="s">
        <v>30</v>
      </c>
      <c r="D13" s="25" t="s">
        <v>31</v>
      </c>
      <c r="E13" s="26" t="s">
        <v>32</v>
      </c>
      <c r="F13" s="27" t="s">
        <v>33</v>
      </c>
      <c r="G13" s="28" t="s">
        <v>705</v>
      </c>
      <c r="H13" s="29" t="s">
        <v>706</v>
      </c>
      <c r="I13" s="14"/>
    </row>
    <row r="14" spans="1:9" s="13" customFormat="1" x14ac:dyDescent="0.2">
      <c r="B14" s="30"/>
      <c r="C14" s="24" t="s">
        <v>34</v>
      </c>
      <c r="D14" s="25" t="s">
        <v>35</v>
      </c>
      <c r="E14" s="26" t="s">
        <v>36</v>
      </c>
      <c r="F14" s="27" t="s">
        <v>37</v>
      </c>
      <c r="G14" s="28" t="s">
        <v>707</v>
      </c>
      <c r="H14" s="29" t="s">
        <v>708</v>
      </c>
      <c r="I14" s="14"/>
    </row>
    <row r="15" spans="1:9" s="13" customFormat="1" x14ac:dyDescent="0.2">
      <c r="B15" s="30"/>
      <c r="C15" s="24" t="s">
        <v>451</v>
      </c>
      <c r="D15" s="25" t="s">
        <v>38</v>
      </c>
      <c r="E15" s="26" t="s">
        <v>39</v>
      </c>
      <c r="F15" s="27" t="s">
        <v>40</v>
      </c>
      <c r="G15" s="28" t="s">
        <v>709</v>
      </c>
      <c r="H15" s="29" t="s">
        <v>710</v>
      </c>
      <c r="I15" s="14"/>
    </row>
    <row r="16" spans="1:9" s="13" customFormat="1" x14ac:dyDescent="0.2">
      <c r="B16" s="30"/>
      <c r="C16" s="24" t="s">
        <v>452</v>
      </c>
      <c r="D16" s="25" t="s">
        <v>41</v>
      </c>
      <c r="E16" s="26" t="s">
        <v>42</v>
      </c>
      <c r="F16" s="27" t="s">
        <v>43</v>
      </c>
      <c r="G16" s="28" t="s">
        <v>711</v>
      </c>
      <c r="H16" s="29" t="s">
        <v>712</v>
      </c>
      <c r="I16" s="14"/>
    </row>
    <row r="17" spans="1:9" s="13" customFormat="1" x14ac:dyDescent="0.2">
      <c r="B17" s="30"/>
      <c r="C17" s="24" t="s">
        <v>453</v>
      </c>
      <c r="D17" s="25" t="s">
        <v>44</v>
      </c>
      <c r="E17" s="26" t="s">
        <v>45</v>
      </c>
      <c r="F17" s="27" t="s">
        <v>454</v>
      </c>
      <c r="G17" s="28" t="s">
        <v>713</v>
      </c>
      <c r="H17" s="29" t="s">
        <v>714</v>
      </c>
      <c r="I17" s="14"/>
    </row>
    <row r="18" spans="1:9" s="13" customFormat="1" x14ac:dyDescent="0.2">
      <c r="B18" s="30"/>
      <c r="C18" s="24" t="s">
        <v>455</v>
      </c>
      <c r="D18" s="25" t="s">
        <v>47</v>
      </c>
      <c r="E18" s="26" t="s">
        <v>46</v>
      </c>
      <c r="F18" s="27" t="s">
        <v>48</v>
      </c>
      <c r="G18" s="28" t="s">
        <v>715</v>
      </c>
      <c r="H18" s="29" t="s">
        <v>716</v>
      </c>
      <c r="I18" s="14"/>
    </row>
    <row r="19" spans="1:9" s="13" customFormat="1" ht="13.5" customHeight="1" x14ac:dyDescent="0.2">
      <c r="B19" s="30"/>
      <c r="C19" s="24" t="s">
        <v>456</v>
      </c>
      <c r="D19" s="25" t="s">
        <v>49</v>
      </c>
      <c r="E19" s="26" t="s">
        <v>50</v>
      </c>
      <c r="F19" s="27" t="s">
        <v>51</v>
      </c>
      <c r="G19" s="28" t="s">
        <v>717</v>
      </c>
      <c r="H19" s="29" t="s">
        <v>718</v>
      </c>
      <c r="I19" s="14"/>
    </row>
    <row r="20" spans="1:9" s="13" customFormat="1" x14ac:dyDescent="0.2">
      <c r="B20" s="30"/>
      <c r="C20" s="24" t="s">
        <v>457</v>
      </c>
      <c r="D20" s="25" t="s">
        <v>458</v>
      </c>
      <c r="E20" s="26" t="s">
        <v>52</v>
      </c>
      <c r="F20" s="27" t="s">
        <v>53</v>
      </c>
      <c r="G20" s="28" t="s">
        <v>719</v>
      </c>
      <c r="H20" s="29" t="s">
        <v>720</v>
      </c>
      <c r="I20" s="14"/>
    </row>
    <row r="21" spans="1:9" s="13" customFormat="1" x14ac:dyDescent="0.2">
      <c r="B21" s="30"/>
      <c r="C21" s="24" t="s">
        <v>459</v>
      </c>
      <c r="D21" s="25" t="s">
        <v>54</v>
      </c>
      <c r="E21" s="26" t="s">
        <v>55</v>
      </c>
      <c r="F21" s="27" t="s">
        <v>56</v>
      </c>
      <c r="G21" s="28" t="s">
        <v>721</v>
      </c>
      <c r="H21" s="29" t="s">
        <v>722</v>
      </c>
      <c r="I21" s="14"/>
    </row>
    <row r="22" spans="1:9" s="13" customFormat="1" x14ac:dyDescent="0.2">
      <c r="B22" s="30"/>
      <c r="C22" s="24" t="s">
        <v>460</v>
      </c>
      <c r="D22" s="25" t="s">
        <v>57</v>
      </c>
      <c r="E22" s="26" t="s">
        <v>58</v>
      </c>
      <c r="F22" s="27" t="s">
        <v>59</v>
      </c>
      <c r="G22" s="28" t="s">
        <v>723</v>
      </c>
      <c r="H22" s="29" t="s">
        <v>724</v>
      </c>
      <c r="I22" s="14"/>
    </row>
    <row r="23" spans="1:9" s="13" customFormat="1" x14ac:dyDescent="0.2">
      <c r="B23" s="30"/>
      <c r="C23" s="24" t="s">
        <v>461</v>
      </c>
      <c r="D23" s="25" t="s">
        <v>398</v>
      </c>
      <c r="E23" s="26" t="s">
        <v>60</v>
      </c>
      <c r="F23" s="27" t="s">
        <v>61</v>
      </c>
      <c r="G23" s="28" t="s">
        <v>725</v>
      </c>
      <c r="H23" s="29" t="s">
        <v>726</v>
      </c>
      <c r="I23" s="14"/>
    </row>
    <row r="24" spans="1:9" s="13" customFormat="1" x14ac:dyDescent="0.2">
      <c r="B24" s="30"/>
      <c r="C24" s="24" t="s">
        <v>462</v>
      </c>
      <c r="D24" s="25" t="s">
        <v>3</v>
      </c>
      <c r="E24" s="26" t="s">
        <v>60</v>
      </c>
      <c r="F24" s="27" t="s">
        <v>62</v>
      </c>
      <c r="G24" s="28" t="s">
        <v>727</v>
      </c>
      <c r="H24" s="29" t="s">
        <v>728</v>
      </c>
      <c r="I24" s="14"/>
    </row>
    <row r="25" spans="1:9" s="13" customFormat="1" x14ac:dyDescent="0.2">
      <c r="B25" s="30"/>
      <c r="C25" s="24" t="s">
        <v>463</v>
      </c>
      <c r="D25" s="25" t="s">
        <v>63</v>
      </c>
      <c r="E25" s="26" t="s">
        <v>64</v>
      </c>
      <c r="F25" s="27" t="s">
        <v>65</v>
      </c>
      <c r="G25" s="28" t="s">
        <v>729</v>
      </c>
      <c r="H25" s="29" t="s">
        <v>730</v>
      </c>
      <c r="I25" s="14"/>
    </row>
    <row r="26" spans="1:9" s="13" customFormat="1" x14ac:dyDescent="0.2">
      <c r="B26" s="30"/>
      <c r="C26" s="24" t="s">
        <v>66</v>
      </c>
      <c r="D26" s="25" t="s">
        <v>67</v>
      </c>
      <c r="E26" s="26" t="s">
        <v>68</v>
      </c>
      <c r="F26" s="27" t="s">
        <v>69</v>
      </c>
      <c r="G26" s="28" t="s">
        <v>731</v>
      </c>
      <c r="H26" s="29" t="s">
        <v>732</v>
      </c>
      <c r="I26" s="14"/>
    </row>
    <row r="27" spans="1:9" s="13" customFormat="1" ht="13.5" thickBot="1" x14ac:dyDescent="0.25">
      <c r="B27" s="31"/>
      <c r="C27" s="32" t="s">
        <v>70</v>
      </c>
      <c r="D27" s="33" t="s">
        <v>71</v>
      </c>
      <c r="E27" s="34" t="s">
        <v>72</v>
      </c>
      <c r="F27" s="35" t="s">
        <v>73</v>
      </c>
      <c r="G27" s="36" t="s">
        <v>733</v>
      </c>
      <c r="H27" s="37" t="s">
        <v>734</v>
      </c>
      <c r="I27" s="14"/>
    </row>
    <row r="28" spans="1:9" s="13" customFormat="1" x14ac:dyDescent="0.2">
      <c r="A28" s="15"/>
      <c r="B28" s="16" t="s">
        <v>236</v>
      </c>
      <c r="C28" s="17" t="s">
        <v>237</v>
      </c>
      <c r="D28" s="18" t="s">
        <v>600</v>
      </c>
      <c r="E28" s="19" t="s">
        <v>238</v>
      </c>
      <c r="F28" s="20" t="s">
        <v>239</v>
      </c>
      <c r="G28" s="21" t="s">
        <v>900</v>
      </c>
      <c r="H28" s="22" t="s">
        <v>901</v>
      </c>
    </row>
    <row r="29" spans="1:9" s="13" customFormat="1" x14ac:dyDescent="0.2">
      <c r="A29" s="15"/>
      <c r="B29" s="30" t="s">
        <v>240</v>
      </c>
      <c r="C29" s="38" t="s">
        <v>601</v>
      </c>
      <c r="D29" s="25" t="s">
        <v>602</v>
      </c>
      <c r="E29" s="26" t="s">
        <v>241</v>
      </c>
      <c r="F29" s="27" t="s">
        <v>242</v>
      </c>
      <c r="G29" s="28" t="s">
        <v>902</v>
      </c>
      <c r="H29" s="29" t="s">
        <v>903</v>
      </c>
    </row>
    <row r="30" spans="1:9" s="13" customFormat="1" x14ac:dyDescent="0.2">
      <c r="B30" s="30" t="s">
        <v>1012</v>
      </c>
      <c r="C30" s="38" t="s">
        <v>603</v>
      </c>
      <c r="D30" s="25" t="s">
        <v>604</v>
      </c>
      <c r="E30" s="26" t="s">
        <v>243</v>
      </c>
      <c r="F30" s="27" t="s">
        <v>244</v>
      </c>
      <c r="G30" s="28" t="s">
        <v>904</v>
      </c>
      <c r="H30" s="29" t="s">
        <v>905</v>
      </c>
    </row>
    <row r="31" spans="1:9" s="13" customFormat="1" x14ac:dyDescent="0.2">
      <c r="B31" s="30"/>
      <c r="C31" s="38" t="s">
        <v>605</v>
      </c>
      <c r="D31" s="25" t="s">
        <v>606</v>
      </c>
      <c r="E31" s="26" t="s">
        <v>245</v>
      </c>
      <c r="F31" s="27" t="s">
        <v>1048</v>
      </c>
      <c r="G31" s="28" t="s">
        <v>906</v>
      </c>
      <c r="H31" s="29" t="s">
        <v>907</v>
      </c>
    </row>
    <row r="32" spans="1:9" s="13" customFormat="1" x14ac:dyDescent="0.2">
      <c r="B32" s="30"/>
      <c r="C32" s="38" t="s">
        <v>607</v>
      </c>
      <c r="D32" s="25" t="s">
        <v>608</v>
      </c>
      <c r="E32" s="26" t="s">
        <v>246</v>
      </c>
      <c r="F32" s="27" t="s">
        <v>247</v>
      </c>
      <c r="G32" s="28" t="s">
        <v>908</v>
      </c>
      <c r="H32" s="29" t="s">
        <v>909</v>
      </c>
    </row>
    <row r="33" spans="2:9" s="13" customFormat="1" x14ac:dyDescent="0.2">
      <c r="B33" s="30"/>
      <c r="C33" s="38" t="s">
        <v>248</v>
      </c>
      <c r="D33" s="25" t="s">
        <v>182</v>
      </c>
      <c r="E33" s="26" t="s">
        <v>249</v>
      </c>
      <c r="F33" s="27" t="s">
        <v>609</v>
      </c>
      <c r="G33" s="28" t="s">
        <v>910</v>
      </c>
      <c r="H33" s="29" t="s">
        <v>911</v>
      </c>
    </row>
    <row r="34" spans="2:9" s="13" customFormat="1" x14ac:dyDescent="0.2">
      <c r="B34" s="30"/>
      <c r="C34" s="38" t="s">
        <v>250</v>
      </c>
      <c r="D34" s="25" t="s">
        <v>610</v>
      </c>
      <c r="E34" s="26" t="s">
        <v>251</v>
      </c>
      <c r="F34" s="27" t="s">
        <v>252</v>
      </c>
      <c r="G34" s="28" t="s">
        <v>912</v>
      </c>
      <c r="H34" s="29" t="s">
        <v>913</v>
      </c>
    </row>
    <row r="35" spans="2:9" s="13" customFormat="1" x14ac:dyDescent="0.2">
      <c r="B35" s="30"/>
      <c r="C35" s="38" t="s">
        <v>253</v>
      </c>
      <c r="D35" s="25" t="s">
        <v>611</v>
      </c>
      <c r="E35" s="26" t="s">
        <v>254</v>
      </c>
      <c r="F35" s="27" t="s">
        <v>255</v>
      </c>
      <c r="G35" s="28" t="s">
        <v>914</v>
      </c>
      <c r="H35" s="29" t="s">
        <v>915</v>
      </c>
    </row>
    <row r="36" spans="2:9" s="13" customFormat="1" x14ac:dyDescent="0.2">
      <c r="B36" s="30"/>
      <c r="C36" s="38" t="s">
        <v>612</v>
      </c>
      <c r="D36" s="25" t="s">
        <v>613</v>
      </c>
      <c r="E36" s="26" t="s">
        <v>256</v>
      </c>
      <c r="F36" s="27" t="s">
        <v>257</v>
      </c>
      <c r="G36" s="28" t="s">
        <v>916</v>
      </c>
      <c r="H36" s="29" t="s">
        <v>917</v>
      </c>
    </row>
    <row r="37" spans="2:9" s="13" customFormat="1" x14ac:dyDescent="0.2">
      <c r="B37" s="30"/>
      <c r="C37" s="38" t="s">
        <v>614</v>
      </c>
      <c r="D37" s="25" t="s">
        <v>615</v>
      </c>
      <c r="E37" s="26" t="s">
        <v>258</v>
      </c>
      <c r="F37" s="27" t="s">
        <v>259</v>
      </c>
      <c r="G37" s="28" t="s">
        <v>918</v>
      </c>
      <c r="H37" s="29" t="s">
        <v>919</v>
      </c>
    </row>
    <row r="38" spans="2:9" s="13" customFormat="1" x14ac:dyDescent="0.2">
      <c r="B38" s="30"/>
      <c r="C38" s="38" t="s">
        <v>616</v>
      </c>
      <c r="D38" s="25" t="s">
        <v>617</v>
      </c>
      <c r="E38" s="26" t="s">
        <v>260</v>
      </c>
      <c r="F38" s="27" t="s">
        <v>261</v>
      </c>
      <c r="G38" s="28" t="s">
        <v>920</v>
      </c>
      <c r="H38" s="29" t="s">
        <v>921</v>
      </c>
    </row>
    <row r="39" spans="2:9" s="13" customFormat="1" x14ac:dyDescent="0.2">
      <c r="B39" s="30"/>
      <c r="C39" s="38" t="s">
        <v>618</v>
      </c>
      <c r="D39" s="25" t="s">
        <v>619</v>
      </c>
      <c r="E39" s="26" t="s">
        <v>262</v>
      </c>
      <c r="F39" s="27" t="s">
        <v>263</v>
      </c>
      <c r="G39" s="28" t="s">
        <v>922</v>
      </c>
      <c r="H39" s="29" t="s">
        <v>923</v>
      </c>
    </row>
    <row r="40" spans="2:9" s="13" customFormat="1" x14ac:dyDescent="0.2">
      <c r="B40" s="30"/>
      <c r="C40" s="38" t="s">
        <v>620</v>
      </c>
      <c r="D40" s="25" t="s">
        <v>621</v>
      </c>
      <c r="E40" s="26" t="s">
        <v>264</v>
      </c>
      <c r="F40" s="27" t="s">
        <v>265</v>
      </c>
      <c r="G40" s="28" t="s">
        <v>924</v>
      </c>
      <c r="H40" s="29" t="s">
        <v>925</v>
      </c>
    </row>
    <row r="41" spans="2:9" s="13" customFormat="1" x14ac:dyDescent="0.2">
      <c r="B41" s="30"/>
      <c r="C41" s="38" t="s">
        <v>1013</v>
      </c>
      <c r="D41" s="25" t="s">
        <v>1014</v>
      </c>
      <c r="E41" s="26" t="s">
        <v>1015</v>
      </c>
      <c r="F41" s="27" t="s">
        <v>1016</v>
      </c>
      <c r="G41" s="28" t="s">
        <v>1017</v>
      </c>
      <c r="H41" s="29" t="s">
        <v>1018</v>
      </c>
    </row>
    <row r="42" spans="2:9" s="13" customFormat="1" x14ac:dyDescent="0.2">
      <c r="B42" s="30"/>
      <c r="C42" s="38" t="s">
        <v>622</v>
      </c>
      <c r="D42" s="25" t="s">
        <v>623</v>
      </c>
      <c r="E42" s="26" t="s">
        <v>266</v>
      </c>
      <c r="F42" s="27" t="s">
        <v>267</v>
      </c>
      <c r="G42" s="28" t="s">
        <v>926</v>
      </c>
      <c r="H42" s="29" t="s">
        <v>927</v>
      </c>
    </row>
    <row r="43" spans="2:9" s="13" customFormat="1" ht="13.5" thickBot="1" x14ac:dyDescent="0.25">
      <c r="B43" s="30"/>
      <c r="C43" s="32" t="s">
        <v>624</v>
      </c>
      <c r="D43" s="33" t="s">
        <v>268</v>
      </c>
      <c r="E43" s="34" t="s">
        <v>269</v>
      </c>
      <c r="F43" s="35" t="s">
        <v>270</v>
      </c>
      <c r="G43" s="36" t="s">
        <v>928</v>
      </c>
      <c r="H43" s="37" t="s">
        <v>929</v>
      </c>
    </row>
    <row r="44" spans="2:9" s="13" customFormat="1" x14ac:dyDescent="0.2">
      <c r="B44" s="16" t="s">
        <v>117</v>
      </c>
      <c r="C44" s="17" t="s">
        <v>118</v>
      </c>
      <c r="D44" s="18" t="s">
        <v>464</v>
      </c>
      <c r="E44" s="19" t="s">
        <v>119</v>
      </c>
      <c r="F44" s="20" t="s">
        <v>120</v>
      </c>
      <c r="G44" s="21" t="s">
        <v>827</v>
      </c>
      <c r="H44" s="22" t="s">
        <v>1</v>
      </c>
      <c r="I44" s="14"/>
    </row>
    <row r="45" spans="2:9" s="13" customFormat="1" x14ac:dyDescent="0.2">
      <c r="B45" s="23" t="s">
        <v>426</v>
      </c>
      <c r="C45" s="24" t="s">
        <v>465</v>
      </c>
      <c r="D45" s="25" t="s">
        <v>466</v>
      </c>
      <c r="E45" s="26" t="s">
        <v>121</v>
      </c>
      <c r="F45" s="27" t="s">
        <v>122</v>
      </c>
      <c r="G45" s="28" t="s">
        <v>828</v>
      </c>
      <c r="H45" s="29" t="s">
        <v>397</v>
      </c>
      <c r="I45" s="14"/>
    </row>
    <row r="46" spans="2:9" s="13" customFormat="1" x14ac:dyDescent="0.2">
      <c r="B46" s="30"/>
      <c r="C46" s="24" t="s">
        <v>467</v>
      </c>
      <c r="D46" s="25" t="s">
        <v>468</v>
      </c>
      <c r="E46" s="26" t="s">
        <v>123</v>
      </c>
      <c r="F46" s="27" t="s">
        <v>124</v>
      </c>
      <c r="G46" s="28" t="s">
        <v>829</v>
      </c>
      <c r="H46" s="29" t="s">
        <v>397</v>
      </c>
      <c r="I46" s="14"/>
    </row>
    <row r="47" spans="2:9" s="13" customFormat="1" x14ac:dyDescent="0.2">
      <c r="B47" s="30"/>
      <c r="C47" s="24" t="s">
        <v>469</v>
      </c>
      <c r="D47" s="25" t="s">
        <v>470</v>
      </c>
      <c r="E47" s="26" t="s">
        <v>125</v>
      </c>
      <c r="F47" s="27" t="s">
        <v>471</v>
      </c>
      <c r="G47" s="28" t="s">
        <v>830</v>
      </c>
      <c r="H47" s="29" t="s">
        <v>472</v>
      </c>
      <c r="I47" s="14"/>
    </row>
    <row r="48" spans="2:9" s="13" customFormat="1" x14ac:dyDescent="0.2">
      <c r="B48" s="30"/>
      <c r="C48" s="24" t="s">
        <v>473</v>
      </c>
      <c r="D48" s="25" t="s">
        <v>474</v>
      </c>
      <c r="E48" s="26" t="s">
        <v>126</v>
      </c>
      <c r="F48" s="27" t="s">
        <v>127</v>
      </c>
      <c r="G48" s="28" t="s">
        <v>831</v>
      </c>
      <c r="H48" s="29" t="s">
        <v>1</v>
      </c>
      <c r="I48" s="14"/>
    </row>
    <row r="49" spans="1:9" s="13" customFormat="1" x14ac:dyDescent="0.2">
      <c r="B49" s="30"/>
      <c r="C49" s="24" t="s">
        <v>1049</v>
      </c>
      <c r="D49" s="25" t="s">
        <v>1050</v>
      </c>
      <c r="E49" s="26" t="s">
        <v>135</v>
      </c>
      <c r="F49" s="27" t="s">
        <v>1051</v>
      </c>
      <c r="G49" s="28" t="s">
        <v>835</v>
      </c>
      <c r="H49" s="29" t="s">
        <v>1052</v>
      </c>
      <c r="I49" s="14"/>
    </row>
    <row r="50" spans="1:9" s="13" customFormat="1" x14ac:dyDescent="0.2">
      <c r="B50" s="30"/>
      <c r="C50" s="24" t="s">
        <v>475</v>
      </c>
      <c r="D50" s="25" t="s">
        <v>476</v>
      </c>
      <c r="E50" s="26" t="s">
        <v>128</v>
      </c>
      <c r="F50" s="27" t="s">
        <v>129</v>
      </c>
      <c r="G50" s="28" t="s">
        <v>832</v>
      </c>
      <c r="H50" s="29" t="s">
        <v>1</v>
      </c>
      <c r="I50" s="14"/>
    </row>
    <row r="51" spans="1:9" s="13" customFormat="1" x14ac:dyDescent="0.2">
      <c r="B51" s="30"/>
      <c r="C51" s="24" t="s">
        <v>477</v>
      </c>
      <c r="D51" s="25" t="s">
        <v>130</v>
      </c>
      <c r="E51" s="26" t="s">
        <v>131</v>
      </c>
      <c r="F51" s="27" t="s">
        <v>132</v>
      </c>
      <c r="G51" s="28" t="s">
        <v>833</v>
      </c>
      <c r="H51" s="29" t="s">
        <v>397</v>
      </c>
      <c r="I51" s="14"/>
    </row>
    <row r="52" spans="1:9" s="13" customFormat="1" ht="13.5" thickBot="1" x14ac:dyDescent="0.25">
      <c r="B52" s="31"/>
      <c r="C52" s="32" t="s">
        <v>1053</v>
      </c>
      <c r="D52" s="33" t="s">
        <v>1054</v>
      </c>
      <c r="E52" s="34" t="s">
        <v>133</v>
      </c>
      <c r="F52" s="35" t="s">
        <v>134</v>
      </c>
      <c r="G52" s="36" t="s">
        <v>834</v>
      </c>
      <c r="H52" s="37" t="s">
        <v>1052</v>
      </c>
      <c r="I52" s="14"/>
    </row>
    <row r="53" spans="1:9" s="13" customFormat="1" x14ac:dyDescent="0.2">
      <c r="A53" s="15"/>
      <c r="B53" s="39" t="s">
        <v>74</v>
      </c>
      <c r="C53" s="40" t="s">
        <v>75</v>
      </c>
      <c r="D53" s="18" t="s">
        <v>478</v>
      </c>
      <c r="E53" s="19" t="s">
        <v>76</v>
      </c>
      <c r="F53" s="20" t="s">
        <v>77</v>
      </c>
      <c r="G53" s="21" t="s">
        <v>862</v>
      </c>
      <c r="H53" s="22" t="s">
        <v>863</v>
      </c>
      <c r="I53" s="14"/>
    </row>
    <row r="54" spans="1:9" s="13" customFormat="1" ht="14.25" customHeight="1" x14ac:dyDescent="0.2">
      <c r="A54" s="15"/>
      <c r="B54" s="23" t="s">
        <v>78</v>
      </c>
      <c r="C54" s="24" t="s">
        <v>479</v>
      </c>
      <c r="D54" s="25" t="s">
        <v>480</v>
      </c>
      <c r="E54" s="26" t="s">
        <v>79</v>
      </c>
      <c r="F54" s="27" t="s">
        <v>80</v>
      </c>
      <c r="G54" s="28" t="s">
        <v>864</v>
      </c>
      <c r="H54" s="29" t="s">
        <v>865</v>
      </c>
      <c r="I54" s="14"/>
    </row>
    <row r="55" spans="1:9" s="13" customFormat="1" x14ac:dyDescent="0.2">
      <c r="B55" s="30"/>
      <c r="C55" s="24" t="s">
        <v>481</v>
      </c>
      <c r="D55" s="25" t="s">
        <v>482</v>
      </c>
      <c r="E55" s="26" t="s">
        <v>81</v>
      </c>
      <c r="F55" s="27" t="s">
        <v>82</v>
      </c>
      <c r="G55" s="28" t="s">
        <v>866</v>
      </c>
      <c r="H55" s="29" t="s">
        <v>867</v>
      </c>
      <c r="I55" s="14"/>
    </row>
    <row r="56" spans="1:9" s="13" customFormat="1" x14ac:dyDescent="0.2">
      <c r="B56" s="30"/>
      <c r="C56" s="24" t="s">
        <v>483</v>
      </c>
      <c r="D56" s="25" t="s">
        <v>484</v>
      </c>
      <c r="E56" s="26" t="s">
        <v>83</v>
      </c>
      <c r="F56" s="27" t="s">
        <v>84</v>
      </c>
      <c r="G56" s="28" t="s">
        <v>868</v>
      </c>
      <c r="H56" s="29" t="s">
        <v>869</v>
      </c>
      <c r="I56" s="14"/>
    </row>
    <row r="57" spans="1:9" s="13" customFormat="1" x14ac:dyDescent="0.2">
      <c r="B57" s="30"/>
      <c r="C57" s="24" t="s">
        <v>485</v>
      </c>
      <c r="D57" s="25" t="s">
        <v>486</v>
      </c>
      <c r="E57" s="26" t="s">
        <v>85</v>
      </c>
      <c r="F57" s="27" t="s">
        <v>86</v>
      </c>
      <c r="G57" s="28" t="s">
        <v>870</v>
      </c>
      <c r="H57" s="29" t="s">
        <v>871</v>
      </c>
    </row>
    <row r="58" spans="1:9" s="13" customFormat="1" x14ac:dyDescent="0.2">
      <c r="B58" s="30"/>
      <c r="C58" s="24" t="s">
        <v>487</v>
      </c>
      <c r="D58" s="25" t="s">
        <v>399</v>
      </c>
      <c r="E58" s="26" t="s">
        <v>87</v>
      </c>
      <c r="F58" s="27" t="s">
        <v>88</v>
      </c>
      <c r="G58" s="28" t="s">
        <v>872</v>
      </c>
      <c r="H58" s="29" t="s">
        <v>873</v>
      </c>
    </row>
    <row r="59" spans="1:9" s="13" customFormat="1" x14ac:dyDescent="0.2">
      <c r="B59" s="30"/>
      <c r="C59" s="24" t="s">
        <v>400</v>
      </c>
      <c r="D59" s="25" t="s">
        <v>401</v>
      </c>
      <c r="E59" s="26" t="s">
        <v>89</v>
      </c>
      <c r="F59" s="27" t="s">
        <v>90</v>
      </c>
      <c r="G59" s="28" t="s">
        <v>874</v>
      </c>
      <c r="H59" s="29" t="s">
        <v>875</v>
      </c>
    </row>
    <row r="60" spans="1:9" s="13" customFormat="1" x14ac:dyDescent="0.2">
      <c r="B60" s="30"/>
      <c r="C60" s="24" t="s">
        <v>402</v>
      </c>
      <c r="D60" s="25" t="s">
        <v>91</v>
      </c>
      <c r="E60" s="26" t="s">
        <v>92</v>
      </c>
      <c r="F60" s="27" t="s">
        <v>93</v>
      </c>
      <c r="G60" s="28" t="s">
        <v>876</v>
      </c>
      <c r="H60" s="29" t="s">
        <v>877</v>
      </c>
    </row>
    <row r="61" spans="1:9" s="13" customFormat="1" x14ac:dyDescent="0.2">
      <c r="B61" s="30"/>
      <c r="C61" s="24" t="s">
        <v>488</v>
      </c>
      <c r="D61" s="25" t="s">
        <v>403</v>
      </c>
      <c r="E61" s="26" t="s">
        <v>94</v>
      </c>
      <c r="F61" s="27" t="s">
        <v>95</v>
      </c>
      <c r="G61" s="28" t="s">
        <v>878</v>
      </c>
      <c r="H61" s="29" t="s">
        <v>879</v>
      </c>
    </row>
    <row r="62" spans="1:9" s="13" customFormat="1" x14ac:dyDescent="0.2">
      <c r="B62" s="30"/>
      <c r="C62" s="24" t="s">
        <v>404</v>
      </c>
      <c r="D62" s="25" t="s">
        <v>405</v>
      </c>
      <c r="E62" s="26" t="s">
        <v>96</v>
      </c>
      <c r="F62" s="27" t="s">
        <v>97</v>
      </c>
      <c r="G62" s="28" t="s">
        <v>880</v>
      </c>
      <c r="H62" s="29" t="s">
        <v>881</v>
      </c>
    </row>
    <row r="63" spans="1:9" s="13" customFormat="1" x14ac:dyDescent="0.2">
      <c r="B63" s="30"/>
      <c r="C63" s="24" t="s">
        <v>406</v>
      </c>
      <c r="D63" s="25" t="s">
        <v>407</v>
      </c>
      <c r="E63" s="26" t="s">
        <v>98</v>
      </c>
      <c r="F63" s="27" t="s">
        <v>99</v>
      </c>
      <c r="G63" s="28" t="s">
        <v>882</v>
      </c>
      <c r="H63" s="29" t="s">
        <v>883</v>
      </c>
    </row>
    <row r="64" spans="1:9" s="13" customFormat="1" x14ac:dyDescent="0.2">
      <c r="B64" s="30"/>
      <c r="C64" s="24" t="s">
        <v>489</v>
      </c>
      <c r="D64" s="25" t="s">
        <v>408</v>
      </c>
      <c r="E64" s="26" t="s">
        <v>100</v>
      </c>
      <c r="F64" s="27" t="s">
        <v>101</v>
      </c>
      <c r="G64" s="28" t="s">
        <v>884</v>
      </c>
      <c r="H64" s="29" t="s">
        <v>885</v>
      </c>
    </row>
    <row r="65" spans="1:8" s="13" customFormat="1" x14ac:dyDescent="0.2">
      <c r="B65" s="30"/>
      <c r="C65" s="24" t="s">
        <v>409</v>
      </c>
      <c r="D65" s="25" t="s">
        <v>102</v>
      </c>
      <c r="E65" s="26" t="s">
        <v>103</v>
      </c>
      <c r="F65" s="27" t="s">
        <v>104</v>
      </c>
      <c r="G65" s="28" t="s">
        <v>886</v>
      </c>
      <c r="H65" s="29" t="s">
        <v>887</v>
      </c>
    </row>
    <row r="66" spans="1:8" s="13" customFormat="1" x14ac:dyDescent="0.2">
      <c r="B66" s="30"/>
      <c r="C66" s="24" t="s">
        <v>410</v>
      </c>
      <c r="D66" s="25" t="s">
        <v>411</v>
      </c>
      <c r="E66" s="26" t="s">
        <v>105</v>
      </c>
      <c r="F66" s="27" t="s">
        <v>106</v>
      </c>
      <c r="G66" s="28" t="s">
        <v>888</v>
      </c>
      <c r="H66" s="29" t="s">
        <v>889</v>
      </c>
    </row>
    <row r="67" spans="1:8" s="13" customFormat="1" x14ac:dyDescent="0.2">
      <c r="B67" s="30"/>
      <c r="C67" s="24" t="s">
        <v>490</v>
      </c>
      <c r="D67" s="25" t="s">
        <v>412</v>
      </c>
      <c r="E67" s="26" t="s">
        <v>107</v>
      </c>
      <c r="F67" s="27" t="s">
        <v>108</v>
      </c>
      <c r="G67" s="28" t="s">
        <v>890</v>
      </c>
      <c r="H67" s="29" t="s">
        <v>891</v>
      </c>
    </row>
    <row r="68" spans="1:8" s="13" customFormat="1" x14ac:dyDescent="0.2">
      <c r="B68" s="30"/>
      <c r="C68" s="24" t="s">
        <v>413</v>
      </c>
      <c r="D68" s="25" t="s">
        <v>109</v>
      </c>
      <c r="E68" s="26" t="s">
        <v>110</v>
      </c>
      <c r="F68" s="27" t="s">
        <v>111</v>
      </c>
      <c r="G68" s="28" t="s">
        <v>892</v>
      </c>
      <c r="H68" s="29" t="s">
        <v>893</v>
      </c>
    </row>
    <row r="69" spans="1:8" s="13" customFormat="1" x14ac:dyDescent="0.2">
      <c r="B69" s="30"/>
      <c r="C69" s="24" t="s">
        <v>414</v>
      </c>
      <c r="D69" s="25" t="s">
        <v>415</v>
      </c>
      <c r="E69" s="26" t="s">
        <v>100</v>
      </c>
      <c r="F69" s="27" t="s">
        <v>112</v>
      </c>
      <c r="G69" s="28" t="s">
        <v>894</v>
      </c>
      <c r="H69" s="29" t="s">
        <v>895</v>
      </c>
    </row>
    <row r="70" spans="1:8" s="13" customFormat="1" x14ac:dyDescent="0.2">
      <c r="B70" s="30"/>
      <c r="C70" s="24" t="s">
        <v>491</v>
      </c>
      <c r="D70" s="25" t="s">
        <v>416</v>
      </c>
      <c r="E70" s="26" t="s">
        <v>113</v>
      </c>
      <c r="F70" s="27" t="s">
        <v>114</v>
      </c>
      <c r="G70" s="28" t="s">
        <v>896</v>
      </c>
      <c r="H70" s="29" t="s">
        <v>897</v>
      </c>
    </row>
    <row r="71" spans="1:8" s="13" customFormat="1" ht="13.5" thickBot="1" x14ac:dyDescent="0.25">
      <c r="B71" s="31"/>
      <c r="C71" s="41" t="s">
        <v>417</v>
      </c>
      <c r="D71" s="33" t="s">
        <v>115</v>
      </c>
      <c r="E71" s="34" t="s">
        <v>116</v>
      </c>
      <c r="F71" s="35" t="s">
        <v>492</v>
      </c>
      <c r="G71" s="36" t="s">
        <v>898</v>
      </c>
      <c r="H71" s="37" t="s">
        <v>899</v>
      </c>
    </row>
    <row r="72" spans="1:8" s="13" customFormat="1" x14ac:dyDescent="0.2">
      <c r="A72" s="15"/>
      <c r="B72" s="39" t="s">
        <v>310</v>
      </c>
      <c r="C72" s="40" t="s">
        <v>311</v>
      </c>
      <c r="D72" s="18" t="s">
        <v>667</v>
      </c>
      <c r="E72" s="19" t="s">
        <v>312</v>
      </c>
      <c r="F72" s="20" t="s">
        <v>313</v>
      </c>
      <c r="G72" s="21" t="s">
        <v>979</v>
      </c>
      <c r="H72" s="22" t="s">
        <v>980</v>
      </c>
    </row>
    <row r="73" spans="1:8" s="13" customFormat="1" x14ac:dyDescent="0.2">
      <c r="A73" s="15"/>
      <c r="B73" s="23" t="s">
        <v>428</v>
      </c>
      <c r="C73" s="24" t="s">
        <v>668</v>
      </c>
      <c r="D73" s="25" t="s">
        <v>669</v>
      </c>
      <c r="E73" s="26" t="s">
        <v>314</v>
      </c>
      <c r="F73" s="27" t="s">
        <v>315</v>
      </c>
      <c r="G73" s="28" t="s">
        <v>981</v>
      </c>
      <c r="H73" s="29" t="s">
        <v>982</v>
      </c>
    </row>
    <row r="74" spans="1:8" s="13" customFormat="1" x14ac:dyDescent="0.2">
      <c r="B74" s="30"/>
      <c r="C74" s="24" t="s">
        <v>670</v>
      </c>
      <c r="D74" s="25" t="s">
        <v>671</v>
      </c>
      <c r="E74" s="26" t="s">
        <v>316</v>
      </c>
      <c r="F74" s="27" t="s">
        <v>317</v>
      </c>
      <c r="G74" s="28" t="s">
        <v>983</v>
      </c>
      <c r="H74" s="29" t="s">
        <v>984</v>
      </c>
    </row>
    <row r="75" spans="1:8" s="13" customFormat="1" x14ac:dyDescent="0.2">
      <c r="B75" s="30"/>
      <c r="C75" s="24" t="s">
        <v>672</v>
      </c>
      <c r="D75" s="25" t="s">
        <v>673</v>
      </c>
      <c r="E75" s="26" t="s">
        <v>318</v>
      </c>
      <c r="F75" s="27" t="s">
        <v>1038</v>
      </c>
      <c r="G75" s="28" t="s">
        <v>985</v>
      </c>
      <c r="H75" s="29" t="s">
        <v>986</v>
      </c>
    </row>
    <row r="76" spans="1:8" s="13" customFormat="1" x14ac:dyDescent="0.2">
      <c r="B76" s="30"/>
      <c r="C76" s="24" t="s">
        <v>674</v>
      </c>
      <c r="D76" s="25" t="s">
        <v>675</v>
      </c>
      <c r="E76" s="26" t="s">
        <v>319</v>
      </c>
      <c r="F76" s="27" t="s">
        <v>320</v>
      </c>
      <c r="G76" s="28" t="s">
        <v>987</v>
      </c>
      <c r="H76" s="29" t="s">
        <v>988</v>
      </c>
    </row>
    <row r="77" spans="1:8" s="13" customFormat="1" x14ac:dyDescent="0.2">
      <c r="B77" s="30"/>
      <c r="C77" s="24" t="s">
        <v>676</v>
      </c>
      <c r="D77" s="25" t="s">
        <v>184</v>
      </c>
      <c r="E77" s="26" t="s">
        <v>321</v>
      </c>
      <c r="F77" s="27" t="s">
        <v>322</v>
      </c>
      <c r="G77" s="28" t="s">
        <v>989</v>
      </c>
      <c r="H77" s="29" t="s">
        <v>990</v>
      </c>
    </row>
    <row r="78" spans="1:8" s="13" customFormat="1" x14ac:dyDescent="0.2">
      <c r="B78" s="30"/>
      <c r="C78" s="24" t="s">
        <v>677</v>
      </c>
      <c r="D78" s="25" t="s">
        <v>678</v>
      </c>
      <c r="E78" s="26" t="s">
        <v>323</v>
      </c>
      <c r="F78" s="27" t="s">
        <v>324</v>
      </c>
      <c r="G78" s="28" t="s">
        <v>991</v>
      </c>
      <c r="H78" s="29" t="s">
        <v>992</v>
      </c>
    </row>
    <row r="79" spans="1:8" s="13" customFormat="1" x14ac:dyDescent="0.2">
      <c r="B79" s="30"/>
      <c r="C79" s="24" t="s">
        <v>679</v>
      </c>
      <c r="D79" s="25" t="s">
        <v>680</v>
      </c>
      <c r="E79" s="26" t="s">
        <v>325</v>
      </c>
      <c r="F79" s="27" t="s">
        <v>326</v>
      </c>
      <c r="G79" s="28" t="s">
        <v>993</v>
      </c>
      <c r="H79" s="29" t="s">
        <v>994</v>
      </c>
    </row>
    <row r="80" spans="1:8" s="13" customFormat="1" x14ac:dyDescent="0.2">
      <c r="B80" s="30"/>
      <c r="C80" s="24" t="s">
        <v>681</v>
      </c>
      <c r="D80" s="25" t="s">
        <v>682</v>
      </c>
      <c r="E80" s="26" t="s">
        <v>327</v>
      </c>
      <c r="F80" s="27" t="s">
        <v>328</v>
      </c>
      <c r="G80" s="28" t="s">
        <v>995</v>
      </c>
      <c r="H80" s="29" t="s">
        <v>996</v>
      </c>
    </row>
    <row r="81" spans="1:8" s="13" customFormat="1" x14ac:dyDescent="0.2">
      <c r="B81" s="30"/>
      <c r="C81" s="24" t="s">
        <v>329</v>
      </c>
      <c r="D81" s="25" t="s">
        <v>683</v>
      </c>
      <c r="E81" s="26" t="s">
        <v>330</v>
      </c>
      <c r="F81" s="27" t="s">
        <v>331</v>
      </c>
      <c r="G81" s="28" t="s">
        <v>997</v>
      </c>
      <c r="H81" s="29" t="s">
        <v>998</v>
      </c>
    </row>
    <row r="82" spans="1:8" s="13" customFormat="1" ht="13.5" thickBot="1" x14ac:dyDescent="0.25">
      <c r="B82" s="30"/>
      <c r="C82" s="41" t="s">
        <v>684</v>
      </c>
      <c r="D82" s="33" t="s">
        <v>685</v>
      </c>
      <c r="E82" s="34" t="s">
        <v>332</v>
      </c>
      <c r="F82" s="35" t="s">
        <v>333</v>
      </c>
      <c r="G82" s="36" t="s">
        <v>999</v>
      </c>
      <c r="H82" s="37" t="s">
        <v>1000</v>
      </c>
    </row>
    <row r="83" spans="1:8" s="13" customFormat="1" x14ac:dyDescent="0.2">
      <c r="A83" s="15"/>
      <c r="B83" s="39" t="s">
        <v>136</v>
      </c>
      <c r="C83" s="40" t="s">
        <v>1021</v>
      </c>
      <c r="D83" s="18" t="s">
        <v>493</v>
      </c>
      <c r="E83" s="19" t="s">
        <v>137</v>
      </c>
      <c r="F83" s="20" t="s">
        <v>138</v>
      </c>
      <c r="G83" s="21" t="s">
        <v>836</v>
      </c>
      <c r="H83" s="22" t="s">
        <v>494</v>
      </c>
    </row>
    <row r="84" spans="1:8" s="13" customFormat="1" x14ac:dyDescent="0.2">
      <c r="A84" s="15"/>
      <c r="B84" s="23" t="s">
        <v>139</v>
      </c>
      <c r="C84" s="24" t="s">
        <v>1022</v>
      </c>
      <c r="D84" s="25" t="s">
        <v>495</v>
      </c>
      <c r="E84" s="26" t="s">
        <v>140</v>
      </c>
      <c r="F84" s="27" t="s">
        <v>141</v>
      </c>
      <c r="G84" s="28" t="s">
        <v>837</v>
      </c>
      <c r="H84" s="29" t="s">
        <v>420</v>
      </c>
    </row>
    <row r="85" spans="1:8" s="13" customFormat="1" x14ac:dyDescent="0.2">
      <c r="B85" s="30"/>
      <c r="C85" s="24" t="s">
        <v>1023</v>
      </c>
      <c r="D85" s="25" t="s">
        <v>496</v>
      </c>
      <c r="E85" s="26" t="s">
        <v>142</v>
      </c>
      <c r="F85" s="27" t="s">
        <v>143</v>
      </c>
      <c r="G85" s="28" t="s">
        <v>838</v>
      </c>
      <c r="H85" s="29" t="s">
        <v>420</v>
      </c>
    </row>
    <row r="86" spans="1:8" s="13" customFormat="1" x14ac:dyDescent="0.2">
      <c r="B86" s="30"/>
      <c r="C86" s="24" t="s">
        <v>1024</v>
      </c>
      <c r="D86" s="25" t="s">
        <v>497</v>
      </c>
      <c r="E86" s="26" t="s">
        <v>144</v>
      </c>
      <c r="F86" s="27" t="s">
        <v>145</v>
      </c>
      <c r="G86" s="28" t="s">
        <v>839</v>
      </c>
      <c r="H86" s="29" t="s">
        <v>420</v>
      </c>
    </row>
    <row r="87" spans="1:8" s="13" customFormat="1" x14ac:dyDescent="0.2">
      <c r="B87" s="30"/>
      <c r="C87" s="24" t="s">
        <v>1025</v>
      </c>
      <c r="D87" s="25" t="s">
        <v>498</v>
      </c>
      <c r="E87" s="26" t="s">
        <v>146</v>
      </c>
      <c r="F87" s="27" t="s">
        <v>147</v>
      </c>
      <c r="G87" s="28" t="s">
        <v>840</v>
      </c>
      <c r="H87" s="29" t="s">
        <v>420</v>
      </c>
    </row>
    <row r="88" spans="1:8" s="13" customFormat="1" x14ac:dyDescent="0.2">
      <c r="B88" s="30"/>
      <c r="C88" s="24" t="s">
        <v>1026</v>
      </c>
      <c r="D88" s="25" t="s">
        <v>418</v>
      </c>
      <c r="E88" s="26" t="s">
        <v>148</v>
      </c>
      <c r="F88" s="27" t="s">
        <v>149</v>
      </c>
      <c r="G88" s="28" t="s">
        <v>841</v>
      </c>
      <c r="H88" s="29" t="s">
        <v>420</v>
      </c>
    </row>
    <row r="89" spans="1:8" s="13" customFormat="1" x14ac:dyDescent="0.2">
      <c r="B89" s="30"/>
      <c r="C89" s="24" t="s">
        <v>1027</v>
      </c>
      <c r="D89" s="25" t="s">
        <v>499</v>
      </c>
      <c r="E89" s="26" t="s">
        <v>150</v>
      </c>
      <c r="F89" s="27" t="s">
        <v>151</v>
      </c>
      <c r="G89" s="28" t="s">
        <v>842</v>
      </c>
      <c r="H89" s="29" t="s">
        <v>420</v>
      </c>
    </row>
    <row r="90" spans="1:8" s="13" customFormat="1" x14ac:dyDescent="0.2">
      <c r="B90" s="30"/>
      <c r="C90" s="24" t="s">
        <v>1028</v>
      </c>
      <c r="D90" s="25" t="s">
        <v>500</v>
      </c>
      <c r="E90" s="26" t="s">
        <v>152</v>
      </c>
      <c r="F90" s="27" t="s">
        <v>153</v>
      </c>
      <c r="G90" s="28" t="s">
        <v>843</v>
      </c>
      <c r="H90" s="29" t="s">
        <v>420</v>
      </c>
    </row>
    <row r="91" spans="1:8" s="13" customFormat="1" x14ac:dyDescent="0.2">
      <c r="B91" s="30"/>
      <c r="C91" s="24" t="s">
        <v>1029</v>
      </c>
      <c r="D91" s="25" t="s">
        <v>501</v>
      </c>
      <c r="E91" s="26" t="s">
        <v>154</v>
      </c>
      <c r="F91" s="27" t="s">
        <v>155</v>
      </c>
      <c r="G91" s="28" t="s">
        <v>844</v>
      </c>
      <c r="H91" s="29" t="s">
        <v>420</v>
      </c>
    </row>
    <row r="92" spans="1:8" s="13" customFormat="1" x14ac:dyDescent="0.2">
      <c r="B92" s="30"/>
      <c r="C92" s="24" t="s">
        <v>1030</v>
      </c>
      <c r="D92" s="25" t="s">
        <v>502</v>
      </c>
      <c r="E92" s="26" t="s">
        <v>156</v>
      </c>
      <c r="F92" s="27" t="s">
        <v>157</v>
      </c>
      <c r="G92" s="28" t="s">
        <v>845</v>
      </c>
      <c r="H92" s="29" t="s">
        <v>420</v>
      </c>
    </row>
    <row r="93" spans="1:8" s="13" customFormat="1" x14ac:dyDescent="0.2">
      <c r="B93" s="30"/>
      <c r="C93" s="24" t="s">
        <v>1031</v>
      </c>
      <c r="D93" s="25" t="s">
        <v>503</v>
      </c>
      <c r="E93" s="26" t="s">
        <v>158</v>
      </c>
      <c r="F93" s="27" t="s">
        <v>159</v>
      </c>
      <c r="G93" s="28" t="s">
        <v>846</v>
      </c>
      <c r="H93" s="29" t="s">
        <v>420</v>
      </c>
    </row>
    <row r="94" spans="1:8" s="13" customFormat="1" x14ac:dyDescent="0.2">
      <c r="B94" s="30"/>
      <c r="C94" s="24" t="s">
        <v>1032</v>
      </c>
      <c r="D94" s="25" t="s">
        <v>419</v>
      </c>
      <c r="E94" s="26" t="s">
        <v>160</v>
      </c>
      <c r="F94" s="27" t="s">
        <v>161</v>
      </c>
      <c r="G94" s="28" t="s">
        <v>847</v>
      </c>
      <c r="H94" s="29" t="s">
        <v>420</v>
      </c>
    </row>
    <row r="95" spans="1:8" s="13" customFormat="1" ht="13.5" thickBot="1" x14ac:dyDescent="0.25">
      <c r="B95" s="31"/>
      <c r="C95" s="32" t="s">
        <v>1033</v>
      </c>
      <c r="D95" s="33" t="s">
        <v>504</v>
      </c>
      <c r="E95" s="34" t="s">
        <v>162</v>
      </c>
      <c r="F95" s="35" t="s">
        <v>163</v>
      </c>
      <c r="G95" s="36" t="s">
        <v>848</v>
      </c>
      <c r="H95" s="37" t="s">
        <v>420</v>
      </c>
    </row>
    <row r="96" spans="1:8" s="13" customFormat="1" x14ac:dyDescent="0.2">
      <c r="A96" s="15"/>
      <c r="B96" s="39" t="s">
        <v>164</v>
      </c>
      <c r="C96" s="40" t="s">
        <v>165</v>
      </c>
      <c r="D96" s="18" t="s">
        <v>505</v>
      </c>
      <c r="E96" s="19" t="s">
        <v>166</v>
      </c>
      <c r="F96" s="20" t="s">
        <v>167</v>
      </c>
      <c r="G96" s="21" t="s">
        <v>735</v>
      </c>
      <c r="H96" s="22" t="s">
        <v>736</v>
      </c>
    </row>
    <row r="97" spans="1:12" s="13" customFormat="1" x14ac:dyDescent="0.2">
      <c r="A97" s="15"/>
      <c r="B97" s="23" t="s">
        <v>168</v>
      </c>
      <c r="C97" s="24" t="s">
        <v>506</v>
      </c>
      <c r="D97" s="25" t="s">
        <v>507</v>
      </c>
      <c r="E97" s="26" t="s">
        <v>169</v>
      </c>
      <c r="F97" s="27" t="s">
        <v>170</v>
      </c>
      <c r="G97" s="28" t="s">
        <v>737</v>
      </c>
      <c r="H97" s="29" t="s">
        <v>738</v>
      </c>
    </row>
    <row r="98" spans="1:12" s="13" customFormat="1" ht="13.5" thickBot="1" x14ac:dyDescent="0.25">
      <c r="A98" s="15"/>
      <c r="B98" s="30"/>
      <c r="C98" s="41" t="s">
        <v>508</v>
      </c>
      <c r="D98" s="33" t="s">
        <v>509</v>
      </c>
      <c r="E98" s="34" t="s">
        <v>171</v>
      </c>
      <c r="F98" s="35" t="s">
        <v>172</v>
      </c>
      <c r="G98" s="36" t="s">
        <v>739</v>
      </c>
      <c r="H98" s="37" t="s">
        <v>740</v>
      </c>
    </row>
    <row r="99" spans="1:12" s="13" customFormat="1" ht="13.5" customHeight="1" x14ac:dyDescent="0.2">
      <c r="A99" s="15"/>
      <c r="B99" s="39" t="s">
        <v>173</v>
      </c>
      <c r="C99" s="40" t="s">
        <v>1005</v>
      </c>
      <c r="D99" s="18" t="s">
        <v>510</v>
      </c>
      <c r="E99" s="19" t="s">
        <v>1006</v>
      </c>
      <c r="F99" s="20" t="s">
        <v>1007</v>
      </c>
      <c r="G99" s="21" t="s">
        <v>1008</v>
      </c>
      <c r="H99" s="22" t="s">
        <v>1009</v>
      </c>
      <c r="J99" s="70"/>
      <c r="K99" s="70"/>
      <c r="L99" s="70"/>
    </row>
    <row r="100" spans="1:12" s="13" customFormat="1" x14ac:dyDescent="0.2">
      <c r="B100" s="23" t="s">
        <v>1039</v>
      </c>
      <c r="C100" s="24" t="s">
        <v>511</v>
      </c>
      <c r="D100" s="25" t="s">
        <v>512</v>
      </c>
      <c r="E100" s="26" t="s">
        <v>174</v>
      </c>
      <c r="F100" s="27" t="s">
        <v>175</v>
      </c>
      <c r="G100" s="28" t="s">
        <v>741</v>
      </c>
      <c r="H100" s="29" t="s">
        <v>742</v>
      </c>
    </row>
    <row r="101" spans="1:12" s="13" customFormat="1" ht="13.5" thickBot="1" x14ac:dyDescent="0.25">
      <c r="B101" s="31"/>
      <c r="C101" s="32" t="s">
        <v>513</v>
      </c>
      <c r="D101" s="33" t="s">
        <v>514</v>
      </c>
      <c r="E101" s="34" t="s">
        <v>176</v>
      </c>
      <c r="F101" s="35" t="s">
        <v>177</v>
      </c>
      <c r="G101" s="36" t="s">
        <v>743</v>
      </c>
      <c r="H101" s="37" t="s">
        <v>744</v>
      </c>
    </row>
    <row r="102" spans="1:12" s="13" customFormat="1" x14ac:dyDescent="0.2">
      <c r="A102" s="15"/>
      <c r="B102" s="16" t="s">
        <v>271</v>
      </c>
      <c r="C102" s="17" t="s">
        <v>625</v>
      </c>
      <c r="D102" s="18" t="s">
        <v>626</v>
      </c>
      <c r="E102" s="19" t="s">
        <v>272</v>
      </c>
      <c r="F102" s="20" t="s">
        <v>273</v>
      </c>
      <c r="G102" s="21" t="s">
        <v>930</v>
      </c>
      <c r="H102" s="22" t="s">
        <v>931</v>
      </c>
    </row>
    <row r="103" spans="1:12" s="13" customFormat="1" x14ac:dyDescent="0.2">
      <c r="B103" s="30" t="s">
        <v>426</v>
      </c>
      <c r="C103" s="38" t="s">
        <v>627</v>
      </c>
      <c r="D103" s="25" t="s">
        <v>628</v>
      </c>
      <c r="E103" s="26" t="s">
        <v>274</v>
      </c>
      <c r="F103" s="27" t="s">
        <v>275</v>
      </c>
      <c r="G103" s="28" t="s">
        <v>932</v>
      </c>
      <c r="H103" s="29" t="s">
        <v>933</v>
      </c>
    </row>
    <row r="104" spans="1:12" s="13" customFormat="1" x14ac:dyDescent="0.2">
      <c r="B104" s="30"/>
      <c r="C104" s="38" t="s">
        <v>629</v>
      </c>
      <c r="D104" s="25" t="s">
        <v>577</v>
      </c>
      <c r="E104" s="26" t="s">
        <v>276</v>
      </c>
      <c r="F104" s="27" t="s">
        <v>277</v>
      </c>
      <c r="G104" s="28" t="s">
        <v>934</v>
      </c>
      <c r="H104" s="29" t="s">
        <v>935</v>
      </c>
    </row>
    <row r="105" spans="1:12" s="13" customFormat="1" x14ac:dyDescent="0.2">
      <c r="B105" s="30"/>
      <c r="C105" s="38" t="s">
        <v>630</v>
      </c>
      <c r="D105" s="25" t="s">
        <v>631</v>
      </c>
      <c r="E105" s="26" t="s">
        <v>278</v>
      </c>
      <c r="F105" s="27" t="s">
        <v>279</v>
      </c>
      <c r="G105" s="28" t="s">
        <v>936</v>
      </c>
      <c r="H105" s="29" t="s">
        <v>937</v>
      </c>
    </row>
    <row r="106" spans="1:12" s="13" customFormat="1" x14ac:dyDescent="0.2">
      <c r="B106" s="30"/>
      <c r="C106" s="38" t="s">
        <v>632</v>
      </c>
      <c r="D106" s="25" t="s">
        <v>633</v>
      </c>
      <c r="E106" s="26" t="s">
        <v>280</v>
      </c>
      <c r="F106" s="27" t="s">
        <v>281</v>
      </c>
      <c r="G106" s="28" t="s">
        <v>938</v>
      </c>
      <c r="H106" s="29" t="s">
        <v>939</v>
      </c>
    </row>
    <row r="107" spans="1:12" s="13" customFormat="1" x14ac:dyDescent="0.2">
      <c r="B107" s="30"/>
      <c r="C107" s="38" t="s">
        <v>634</v>
      </c>
      <c r="D107" s="25" t="s">
        <v>575</v>
      </c>
      <c r="E107" s="26" t="s">
        <v>282</v>
      </c>
      <c r="F107" s="27" t="s">
        <v>283</v>
      </c>
      <c r="G107" s="28" t="s">
        <v>940</v>
      </c>
      <c r="H107" s="29" t="s">
        <v>941</v>
      </c>
    </row>
    <row r="108" spans="1:12" s="13" customFormat="1" x14ac:dyDescent="0.2">
      <c r="B108" s="30"/>
      <c r="C108" s="38" t="s">
        <v>635</v>
      </c>
      <c r="D108" s="25" t="s">
        <v>636</v>
      </c>
      <c r="E108" s="26" t="s">
        <v>284</v>
      </c>
      <c r="F108" s="27" t="s">
        <v>285</v>
      </c>
      <c r="G108" s="28" t="s">
        <v>942</v>
      </c>
      <c r="H108" s="29" t="s">
        <v>943</v>
      </c>
    </row>
    <row r="109" spans="1:12" s="13" customFormat="1" x14ac:dyDescent="0.2">
      <c r="B109" s="30"/>
      <c r="C109" s="38" t="s">
        <v>637</v>
      </c>
      <c r="D109" s="25" t="s">
        <v>638</v>
      </c>
      <c r="E109" s="26" t="s">
        <v>286</v>
      </c>
      <c r="F109" s="27" t="s">
        <v>287</v>
      </c>
      <c r="G109" s="28" t="s">
        <v>944</v>
      </c>
      <c r="H109" s="29" t="s">
        <v>945</v>
      </c>
    </row>
    <row r="110" spans="1:12" s="13" customFormat="1" ht="13.5" thickBot="1" x14ac:dyDescent="0.25">
      <c r="B110" s="30"/>
      <c r="C110" s="32" t="s">
        <v>288</v>
      </c>
      <c r="D110" s="33" t="s">
        <v>639</v>
      </c>
      <c r="E110" s="34" t="s">
        <v>289</v>
      </c>
      <c r="F110" s="35" t="s">
        <v>290</v>
      </c>
      <c r="G110" s="36" t="s">
        <v>946</v>
      </c>
      <c r="H110" s="37" t="s">
        <v>947</v>
      </c>
    </row>
    <row r="111" spans="1:12" s="13" customFormat="1" x14ac:dyDescent="0.2">
      <c r="A111" s="15"/>
      <c r="B111" s="39" t="s">
        <v>334</v>
      </c>
      <c r="C111" s="40" t="s">
        <v>524</v>
      </c>
      <c r="D111" s="18" t="s">
        <v>525</v>
      </c>
      <c r="E111" s="19" t="s">
        <v>335</v>
      </c>
      <c r="F111" s="20" t="s">
        <v>336</v>
      </c>
      <c r="G111" s="21" t="s">
        <v>749</v>
      </c>
      <c r="H111" s="22" t="s">
        <v>750</v>
      </c>
    </row>
    <row r="112" spans="1:12" s="13" customFormat="1" x14ac:dyDescent="0.2">
      <c r="A112" s="15"/>
      <c r="B112" s="23" t="s">
        <v>139</v>
      </c>
      <c r="C112" s="24" t="s">
        <v>526</v>
      </c>
      <c r="D112" s="25" t="s">
        <v>527</v>
      </c>
      <c r="E112" s="26" t="s">
        <v>337</v>
      </c>
      <c r="F112" s="27" t="s">
        <v>338</v>
      </c>
      <c r="G112" s="28" t="s">
        <v>751</v>
      </c>
      <c r="H112" s="29" t="s">
        <v>752</v>
      </c>
    </row>
    <row r="113" spans="1:8" s="13" customFormat="1" x14ac:dyDescent="0.2">
      <c r="B113" s="30"/>
      <c r="C113" s="24" t="s">
        <v>528</v>
      </c>
      <c r="D113" s="25" t="s">
        <v>529</v>
      </c>
      <c r="E113" s="26" t="s">
        <v>339</v>
      </c>
      <c r="F113" s="27" t="s">
        <v>340</v>
      </c>
      <c r="G113" s="28" t="s">
        <v>753</v>
      </c>
      <c r="H113" s="29" t="s">
        <v>754</v>
      </c>
    </row>
    <row r="114" spans="1:8" s="13" customFormat="1" x14ac:dyDescent="0.2">
      <c r="B114" s="30"/>
      <c r="C114" s="24" t="s">
        <v>530</v>
      </c>
      <c r="D114" s="25" t="s">
        <v>531</v>
      </c>
      <c r="E114" s="26" t="s">
        <v>1040</v>
      </c>
      <c r="F114" s="27" t="s">
        <v>1041</v>
      </c>
      <c r="G114" s="28" t="s">
        <v>755</v>
      </c>
      <c r="H114" s="29" t="s">
        <v>756</v>
      </c>
    </row>
    <row r="115" spans="1:8" s="13" customFormat="1" x14ac:dyDescent="0.2">
      <c r="B115" s="30"/>
      <c r="C115" s="24" t="s">
        <v>532</v>
      </c>
      <c r="D115" s="25" t="s">
        <v>533</v>
      </c>
      <c r="E115" s="26" t="s">
        <v>1089</v>
      </c>
      <c r="F115" s="27" t="s">
        <v>1090</v>
      </c>
      <c r="G115" s="28" t="s">
        <v>757</v>
      </c>
      <c r="H115" s="29" t="s">
        <v>758</v>
      </c>
    </row>
    <row r="116" spans="1:8" s="13" customFormat="1" x14ac:dyDescent="0.2">
      <c r="B116" s="30"/>
      <c r="C116" s="24" t="s">
        <v>534</v>
      </c>
      <c r="D116" s="25" t="s">
        <v>535</v>
      </c>
      <c r="E116" s="26" t="s">
        <v>341</v>
      </c>
      <c r="F116" s="27" t="s">
        <v>342</v>
      </c>
      <c r="G116" s="28" t="s">
        <v>759</v>
      </c>
      <c r="H116" s="29" t="s">
        <v>760</v>
      </c>
    </row>
    <row r="117" spans="1:8" s="13" customFormat="1" x14ac:dyDescent="0.2">
      <c r="B117" s="30"/>
      <c r="C117" s="24" t="s">
        <v>536</v>
      </c>
      <c r="D117" s="25" t="s">
        <v>537</v>
      </c>
      <c r="E117" s="26" t="s">
        <v>343</v>
      </c>
      <c r="F117" s="27" t="s">
        <v>538</v>
      </c>
      <c r="G117" s="28" t="s">
        <v>761</v>
      </c>
      <c r="H117" s="29" t="s">
        <v>762</v>
      </c>
    </row>
    <row r="118" spans="1:8" s="13" customFormat="1" x14ac:dyDescent="0.2">
      <c r="B118" s="30"/>
      <c r="C118" s="24" t="s">
        <v>185</v>
      </c>
      <c r="D118" s="25" t="s">
        <v>539</v>
      </c>
      <c r="E118" s="26" t="s">
        <v>344</v>
      </c>
      <c r="F118" s="27" t="s">
        <v>345</v>
      </c>
      <c r="G118" s="28" t="s">
        <v>763</v>
      </c>
      <c r="H118" s="29" t="s">
        <v>764</v>
      </c>
    </row>
    <row r="119" spans="1:8" s="13" customFormat="1" x14ac:dyDescent="0.2">
      <c r="B119" s="30"/>
      <c r="C119" s="24" t="s">
        <v>540</v>
      </c>
      <c r="D119" s="25" t="s">
        <v>346</v>
      </c>
      <c r="E119" s="26" t="s">
        <v>347</v>
      </c>
      <c r="F119" s="27" t="s">
        <v>348</v>
      </c>
      <c r="G119" s="28" t="s">
        <v>765</v>
      </c>
      <c r="H119" s="29" t="s">
        <v>766</v>
      </c>
    </row>
    <row r="120" spans="1:8" s="13" customFormat="1" x14ac:dyDescent="0.2">
      <c r="B120" s="30"/>
      <c r="C120" s="24" t="s">
        <v>186</v>
      </c>
      <c r="D120" s="25" t="s">
        <v>541</v>
      </c>
      <c r="E120" s="26" t="s">
        <v>349</v>
      </c>
      <c r="F120" s="27" t="s">
        <v>350</v>
      </c>
      <c r="G120" s="28" t="s">
        <v>767</v>
      </c>
      <c r="H120" s="29" t="s">
        <v>768</v>
      </c>
    </row>
    <row r="121" spans="1:8" s="13" customFormat="1" x14ac:dyDescent="0.2">
      <c r="B121" s="30"/>
      <c r="C121" s="24" t="s">
        <v>542</v>
      </c>
      <c r="D121" s="25" t="s">
        <v>543</v>
      </c>
      <c r="E121" s="26" t="s">
        <v>351</v>
      </c>
      <c r="F121" s="27" t="s">
        <v>352</v>
      </c>
      <c r="G121" s="28" t="s">
        <v>769</v>
      </c>
      <c r="H121" s="29" t="s">
        <v>770</v>
      </c>
    </row>
    <row r="122" spans="1:8" s="13" customFormat="1" x14ac:dyDescent="0.2">
      <c r="B122" s="30"/>
      <c r="C122" s="24" t="s">
        <v>544</v>
      </c>
      <c r="D122" s="25" t="s">
        <v>545</v>
      </c>
      <c r="E122" s="26" t="s">
        <v>353</v>
      </c>
      <c r="F122" s="27" t="s">
        <v>354</v>
      </c>
      <c r="G122" s="28" t="s">
        <v>771</v>
      </c>
      <c r="H122" s="29" t="s">
        <v>772</v>
      </c>
    </row>
    <row r="123" spans="1:8" s="13" customFormat="1" ht="13.5" thickBot="1" x14ac:dyDescent="0.25">
      <c r="B123" s="30"/>
      <c r="C123" s="41" t="s">
        <v>355</v>
      </c>
      <c r="D123" s="33" t="s">
        <v>546</v>
      </c>
      <c r="E123" s="34" t="s">
        <v>356</v>
      </c>
      <c r="F123" s="35" t="s">
        <v>357</v>
      </c>
      <c r="G123" s="36" t="s">
        <v>773</v>
      </c>
      <c r="H123" s="37" t="s">
        <v>774</v>
      </c>
    </row>
    <row r="124" spans="1:8" s="13" customFormat="1" x14ac:dyDescent="0.2">
      <c r="A124" s="15"/>
      <c r="B124" s="39" t="s">
        <v>188</v>
      </c>
      <c r="C124" s="40" t="s">
        <v>547</v>
      </c>
      <c r="D124" s="18" t="s">
        <v>548</v>
      </c>
      <c r="E124" s="19" t="s">
        <v>189</v>
      </c>
      <c r="F124" s="20" t="s">
        <v>190</v>
      </c>
      <c r="G124" s="21" t="s">
        <v>775</v>
      </c>
      <c r="H124" s="22" t="s">
        <v>776</v>
      </c>
    </row>
    <row r="125" spans="1:8" s="13" customFormat="1" x14ac:dyDescent="0.2">
      <c r="A125" s="15"/>
      <c r="B125" s="23" t="s">
        <v>426</v>
      </c>
      <c r="C125" s="24" t="s">
        <v>549</v>
      </c>
      <c r="D125" s="25" t="s">
        <v>178</v>
      </c>
      <c r="E125" s="26" t="s">
        <v>191</v>
      </c>
      <c r="F125" s="27" t="s">
        <v>192</v>
      </c>
      <c r="G125" s="28" t="s">
        <v>777</v>
      </c>
      <c r="H125" s="29" t="s">
        <v>778</v>
      </c>
    </row>
    <row r="126" spans="1:8" s="13" customFormat="1" x14ac:dyDescent="0.2">
      <c r="B126" s="23" t="s">
        <v>1081</v>
      </c>
      <c r="C126" s="24" t="s">
        <v>550</v>
      </c>
      <c r="D126" s="25" t="s">
        <v>551</v>
      </c>
      <c r="E126" s="26" t="s">
        <v>552</v>
      </c>
      <c r="F126" s="27" t="s">
        <v>193</v>
      </c>
      <c r="G126" s="28" t="s">
        <v>779</v>
      </c>
      <c r="H126" s="29" t="s">
        <v>780</v>
      </c>
    </row>
    <row r="127" spans="1:8" s="13" customFormat="1" x14ac:dyDescent="0.2">
      <c r="B127" s="30"/>
      <c r="C127" s="24" t="s">
        <v>553</v>
      </c>
      <c r="D127" s="25" t="s">
        <v>554</v>
      </c>
      <c r="E127" s="26" t="s">
        <v>194</v>
      </c>
      <c r="F127" s="27" t="s">
        <v>195</v>
      </c>
      <c r="G127" s="28" t="s">
        <v>781</v>
      </c>
      <c r="H127" s="29" t="s">
        <v>782</v>
      </c>
    </row>
    <row r="128" spans="1:8" s="13" customFormat="1" x14ac:dyDescent="0.2">
      <c r="B128" s="30"/>
      <c r="C128" s="24" t="s">
        <v>179</v>
      </c>
      <c r="D128" s="25" t="s">
        <v>555</v>
      </c>
      <c r="E128" s="26" t="s">
        <v>196</v>
      </c>
      <c r="F128" s="27" t="s">
        <v>197</v>
      </c>
      <c r="G128" s="28" t="s">
        <v>783</v>
      </c>
      <c r="H128" s="29" t="s">
        <v>784</v>
      </c>
    </row>
    <row r="129" spans="1:8" s="13" customFormat="1" x14ac:dyDescent="0.2">
      <c r="B129" s="30"/>
      <c r="C129" s="24" t="s">
        <v>556</v>
      </c>
      <c r="D129" s="25" t="s">
        <v>557</v>
      </c>
      <c r="E129" s="26" t="s">
        <v>198</v>
      </c>
      <c r="F129" s="27" t="s">
        <v>199</v>
      </c>
      <c r="G129" s="28" t="s">
        <v>785</v>
      </c>
      <c r="H129" s="29" t="s">
        <v>786</v>
      </c>
    </row>
    <row r="130" spans="1:8" s="13" customFormat="1" x14ac:dyDescent="0.2">
      <c r="B130" s="30"/>
      <c r="C130" s="24" t="s">
        <v>1085</v>
      </c>
      <c r="D130" s="25" t="s">
        <v>1088</v>
      </c>
      <c r="E130" s="26" t="s">
        <v>1079</v>
      </c>
      <c r="F130" s="27" t="s">
        <v>1080</v>
      </c>
      <c r="G130" s="28" t="s">
        <v>1086</v>
      </c>
      <c r="H130" s="29" t="s">
        <v>1087</v>
      </c>
    </row>
    <row r="131" spans="1:8" s="13" customFormat="1" x14ac:dyDescent="0.2">
      <c r="B131" s="30"/>
      <c r="C131" s="24" t="s">
        <v>558</v>
      </c>
      <c r="D131" s="25" t="s">
        <v>559</v>
      </c>
      <c r="E131" s="26" t="s">
        <v>200</v>
      </c>
      <c r="F131" s="27" t="s">
        <v>201</v>
      </c>
      <c r="G131" s="28" t="s">
        <v>787</v>
      </c>
      <c r="H131" s="29" t="s">
        <v>788</v>
      </c>
    </row>
    <row r="132" spans="1:8" s="13" customFormat="1" x14ac:dyDescent="0.2">
      <c r="B132" s="30"/>
      <c r="C132" s="24" t="s">
        <v>560</v>
      </c>
      <c r="D132" s="25" t="s">
        <v>561</v>
      </c>
      <c r="E132" s="26" t="s">
        <v>202</v>
      </c>
      <c r="F132" s="27" t="s">
        <v>203</v>
      </c>
      <c r="G132" s="28" t="s">
        <v>789</v>
      </c>
      <c r="H132" s="29" t="s">
        <v>790</v>
      </c>
    </row>
    <row r="133" spans="1:8" s="13" customFormat="1" ht="13.5" thickBot="1" x14ac:dyDescent="0.25">
      <c r="B133" s="30"/>
      <c r="C133" s="41" t="s">
        <v>204</v>
      </c>
      <c r="D133" s="33" t="s">
        <v>562</v>
      </c>
      <c r="E133" s="34" t="s">
        <v>205</v>
      </c>
      <c r="F133" s="35" t="s">
        <v>206</v>
      </c>
      <c r="G133" s="36" t="s">
        <v>791</v>
      </c>
      <c r="H133" s="37" t="s">
        <v>792</v>
      </c>
    </row>
    <row r="134" spans="1:8" s="13" customFormat="1" x14ac:dyDescent="0.2">
      <c r="A134" s="15"/>
      <c r="B134" s="16" t="s">
        <v>291</v>
      </c>
      <c r="C134" s="17" t="s">
        <v>292</v>
      </c>
      <c r="D134" s="18" t="s">
        <v>640</v>
      </c>
      <c r="E134" s="19" t="s">
        <v>293</v>
      </c>
      <c r="F134" s="20" t="s">
        <v>294</v>
      </c>
      <c r="G134" s="21" t="s">
        <v>948</v>
      </c>
      <c r="H134" s="22" t="s">
        <v>949</v>
      </c>
    </row>
    <row r="135" spans="1:8" s="13" customFormat="1" x14ac:dyDescent="0.2">
      <c r="A135" s="15"/>
      <c r="B135" s="30" t="s">
        <v>427</v>
      </c>
      <c r="C135" s="38" t="s">
        <v>641</v>
      </c>
      <c r="D135" s="25" t="s">
        <v>295</v>
      </c>
      <c r="E135" s="26" t="s">
        <v>296</v>
      </c>
      <c r="F135" s="27" t="s">
        <v>297</v>
      </c>
      <c r="G135" s="28" t="s">
        <v>950</v>
      </c>
      <c r="H135" s="29" t="s">
        <v>951</v>
      </c>
    </row>
    <row r="136" spans="1:8" s="13" customFormat="1" x14ac:dyDescent="0.2">
      <c r="B136" s="30"/>
      <c r="C136" s="38" t="s">
        <v>642</v>
      </c>
      <c r="D136" s="25" t="s">
        <v>643</v>
      </c>
      <c r="E136" s="26" t="s">
        <v>298</v>
      </c>
      <c r="F136" s="27" t="s">
        <v>299</v>
      </c>
      <c r="G136" s="28" t="s">
        <v>952</v>
      </c>
      <c r="H136" s="29" t="s">
        <v>953</v>
      </c>
    </row>
    <row r="137" spans="1:8" s="13" customFormat="1" ht="13.5" thickBot="1" x14ac:dyDescent="0.25">
      <c r="B137" s="30"/>
      <c r="C137" s="32" t="s">
        <v>644</v>
      </c>
      <c r="D137" s="33" t="s">
        <v>645</v>
      </c>
      <c r="E137" s="34" t="s">
        <v>300</v>
      </c>
      <c r="F137" s="35" t="s">
        <v>301</v>
      </c>
      <c r="G137" s="36" t="s">
        <v>954</v>
      </c>
      <c r="H137" s="37" t="s">
        <v>955</v>
      </c>
    </row>
    <row r="138" spans="1:8" s="13" customFormat="1" x14ac:dyDescent="0.2">
      <c r="A138" s="15"/>
      <c r="B138" s="39" t="s">
        <v>207</v>
      </c>
      <c r="C138" s="40" t="s">
        <v>563</v>
      </c>
      <c r="D138" s="18" t="s">
        <v>208</v>
      </c>
      <c r="E138" s="19" t="s">
        <v>1042</v>
      </c>
      <c r="F138" s="20" t="s">
        <v>209</v>
      </c>
      <c r="G138" s="21" t="s">
        <v>793</v>
      </c>
      <c r="H138" s="22" t="s">
        <v>794</v>
      </c>
    </row>
    <row r="139" spans="1:8" s="13" customFormat="1" x14ac:dyDescent="0.2">
      <c r="A139" s="15"/>
      <c r="B139" s="23" t="s">
        <v>0</v>
      </c>
      <c r="C139" s="24" t="s">
        <v>564</v>
      </c>
      <c r="D139" s="25" t="s">
        <v>210</v>
      </c>
      <c r="E139" s="26" t="s">
        <v>211</v>
      </c>
      <c r="F139" s="27" t="s">
        <v>212</v>
      </c>
      <c r="G139" s="28" t="s">
        <v>795</v>
      </c>
      <c r="H139" s="29" t="s">
        <v>796</v>
      </c>
    </row>
    <row r="140" spans="1:8" s="13" customFormat="1" x14ac:dyDescent="0.2">
      <c r="A140" s="15"/>
      <c r="B140" s="30"/>
      <c r="C140" s="24" t="s">
        <v>565</v>
      </c>
      <c r="D140" s="25" t="s">
        <v>566</v>
      </c>
      <c r="E140" s="26" t="s">
        <v>213</v>
      </c>
      <c r="F140" s="27" t="s">
        <v>214</v>
      </c>
      <c r="G140" s="28" t="s">
        <v>797</v>
      </c>
      <c r="H140" s="29" t="s">
        <v>798</v>
      </c>
    </row>
    <row r="141" spans="1:8" s="13" customFormat="1" x14ac:dyDescent="0.2">
      <c r="A141" s="15"/>
      <c r="B141" s="30"/>
      <c r="C141" s="24" t="s">
        <v>567</v>
      </c>
      <c r="D141" s="25" t="s">
        <v>568</v>
      </c>
      <c r="E141" s="26" t="s">
        <v>569</v>
      </c>
      <c r="F141" s="27" t="s">
        <v>436</v>
      </c>
      <c r="G141" s="28" t="s">
        <v>799</v>
      </c>
      <c r="H141" s="29" t="s">
        <v>800</v>
      </c>
    </row>
    <row r="142" spans="1:8" s="13" customFormat="1" x14ac:dyDescent="0.2">
      <c r="A142" s="15"/>
      <c r="B142" s="30"/>
      <c r="C142" s="24" t="s">
        <v>570</v>
      </c>
      <c r="D142" s="25" t="s">
        <v>215</v>
      </c>
      <c r="E142" s="26" t="s">
        <v>180</v>
      </c>
      <c r="F142" s="27" t="s">
        <v>216</v>
      </c>
      <c r="G142" s="28" t="s">
        <v>801</v>
      </c>
      <c r="H142" s="29" t="s">
        <v>802</v>
      </c>
    </row>
    <row r="143" spans="1:8" s="13" customFormat="1" ht="13.5" thickBot="1" x14ac:dyDescent="0.25">
      <c r="A143" s="15"/>
      <c r="B143" s="30"/>
      <c r="C143" s="41" t="s">
        <v>217</v>
      </c>
      <c r="D143" s="33" t="s">
        <v>571</v>
      </c>
      <c r="E143" s="34" t="s">
        <v>218</v>
      </c>
      <c r="F143" s="35" t="s">
        <v>219</v>
      </c>
      <c r="G143" s="36" t="s">
        <v>803</v>
      </c>
      <c r="H143" s="37" t="s">
        <v>804</v>
      </c>
    </row>
    <row r="144" spans="1:8" s="13" customFormat="1" x14ac:dyDescent="0.2">
      <c r="A144" s="15"/>
      <c r="B144" s="39" t="s">
        <v>220</v>
      </c>
      <c r="C144" s="40" t="s">
        <v>572</v>
      </c>
      <c r="D144" s="18" t="s">
        <v>573</v>
      </c>
      <c r="E144" s="19" t="s">
        <v>430</v>
      </c>
      <c r="F144" s="20" t="s">
        <v>1055</v>
      </c>
      <c r="G144" s="21" t="s">
        <v>805</v>
      </c>
      <c r="H144" s="22" t="s">
        <v>806</v>
      </c>
    </row>
    <row r="145" spans="1:8" s="13" customFormat="1" x14ac:dyDescent="0.2">
      <c r="A145" s="15"/>
      <c r="B145" s="23" t="s">
        <v>0</v>
      </c>
      <c r="C145" s="24" t="s">
        <v>574</v>
      </c>
      <c r="D145" s="25" t="s">
        <v>575</v>
      </c>
      <c r="E145" s="26" t="s">
        <v>431</v>
      </c>
      <c r="F145" s="27" t="s">
        <v>221</v>
      </c>
      <c r="G145" s="28" t="s">
        <v>807</v>
      </c>
      <c r="H145" s="29" t="s">
        <v>808</v>
      </c>
    </row>
    <row r="146" spans="1:8" s="13" customFormat="1" x14ac:dyDescent="0.2">
      <c r="A146" s="15"/>
      <c r="B146" s="30"/>
      <c r="C146" s="24" t="s">
        <v>576</v>
      </c>
      <c r="D146" s="25" t="s">
        <v>577</v>
      </c>
      <c r="E146" s="26" t="s">
        <v>432</v>
      </c>
      <c r="F146" s="27" t="s">
        <v>1043</v>
      </c>
      <c r="G146" s="28" t="s">
        <v>809</v>
      </c>
      <c r="H146" s="29" t="s">
        <v>810</v>
      </c>
    </row>
    <row r="147" spans="1:8" s="13" customFormat="1" x14ac:dyDescent="0.2">
      <c r="A147" s="15"/>
      <c r="B147" s="30"/>
      <c r="C147" s="24" t="s">
        <v>181</v>
      </c>
      <c r="D147" s="25" t="s">
        <v>578</v>
      </c>
      <c r="E147" s="26" t="s">
        <v>433</v>
      </c>
      <c r="F147" s="27" t="s">
        <v>222</v>
      </c>
      <c r="G147" s="28" t="s">
        <v>811</v>
      </c>
      <c r="H147" s="29" t="s">
        <v>812</v>
      </c>
    </row>
    <row r="148" spans="1:8" s="13" customFormat="1" x14ac:dyDescent="0.2">
      <c r="A148" s="15"/>
      <c r="B148" s="30"/>
      <c r="C148" s="24" t="s">
        <v>579</v>
      </c>
      <c r="D148" s="25" t="s">
        <v>580</v>
      </c>
      <c r="E148" s="26" t="s">
        <v>434</v>
      </c>
      <c r="F148" s="27" t="s">
        <v>223</v>
      </c>
      <c r="G148" s="28" t="s">
        <v>813</v>
      </c>
      <c r="H148" s="29" t="s">
        <v>814</v>
      </c>
    </row>
    <row r="149" spans="1:8" s="13" customFormat="1" ht="13.5" thickBot="1" x14ac:dyDescent="0.25">
      <c r="A149" s="15"/>
      <c r="B149" s="30"/>
      <c r="C149" s="41" t="s">
        <v>224</v>
      </c>
      <c r="D149" s="33" t="s">
        <v>581</v>
      </c>
      <c r="E149" s="34" t="s">
        <v>435</v>
      </c>
      <c r="F149" s="35" t="s">
        <v>225</v>
      </c>
      <c r="G149" s="36" t="s">
        <v>815</v>
      </c>
      <c r="H149" s="37" t="s">
        <v>816</v>
      </c>
    </row>
    <row r="150" spans="1:8" s="13" customFormat="1" x14ac:dyDescent="0.2">
      <c r="A150" s="15"/>
      <c r="B150" s="39" t="s">
        <v>302</v>
      </c>
      <c r="C150" s="40" t="s">
        <v>658</v>
      </c>
      <c r="D150" s="18" t="s">
        <v>659</v>
      </c>
      <c r="E150" s="19" t="s">
        <v>303</v>
      </c>
      <c r="F150" s="20" t="s">
        <v>304</v>
      </c>
      <c r="G150" s="21" t="s">
        <v>965</v>
      </c>
      <c r="H150" s="22" t="s">
        <v>966</v>
      </c>
    </row>
    <row r="151" spans="1:8" s="13" customFormat="1" x14ac:dyDescent="0.2">
      <c r="A151" s="15"/>
      <c r="B151" s="23" t="s">
        <v>168</v>
      </c>
      <c r="C151" s="24" t="s">
        <v>660</v>
      </c>
      <c r="D151" s="25" t="s">
        <v>183</v>
      </c>
      <c r="E151" s="26" t="s">
        <v>305</v>
      </c>
      <c r="F151" s="27" t="s">
        <v>306</v>
      </c>
      <c r="G151" s="28" t="s">
        <v>967</v>
      </c>
      <c r="H151" s="29" t="s">
        <v>968</v>
      </c>
    </row>
    <row r="152" spans="1:8" s="13" customFormat="1" ht="13.5" thickBot="1" x14ac:dyDescent="0.25">
      <c r="B152" s="30"/>
      <c r="C152" s="41" t="s">
        <v>307</v>
      </c>
      <c r="D152" s="33" t="s">
        <v>661</v>
      </c>
      <c r="E152" s="34" t="s">
        <v>308</v>
      </c>
      <c r="F152" s="35" t="s">
        <v>309</v>
      </c>
      <c r="G152" s="36" t="s">
        <v>969</v>
      </c>
      <c r="H152" s="37" t="s">
        <v>970</v>
      </c>
    </row>
    <row r="153" spans="1:8" s="13" customFormat="1" x14ac:dyDescent="0.2">
      <c r="A153" s="15"/>
      <c r="B153" s="39" t="s">
        <v>226</v>
      </c>
      <c r="C153" s="40" t="s">
        <v>582</v>
      </c>
      <c r="D153" s="18" t="s">
        <v>583</v>
      </c>
      <c r="E153" s="19" t="s">
        <v>584</v>
      </c>
      <c r="F153" s="20" t="s">
        <v>227</v>
      </c>
      <c r="G153" s="21" t="s">
        <v>852</v>
      </c>
      <c r="H153" s="22" t="s">
        <v>853</v>
      </c>
    </row>
    <row r="154" spans="1:8" s="13" customFormat="1" x14ac:dyDescent="0.2">
      <c r="A154" s="15"/>
      <c r="B154" s="23" t="s">
        <v>2</v>
      </c>
      <c r="C154" s="24" t="s">
        <v>585</v>
      </c>
      <c r="D154" s="25" t="s">
        <v>586</v>
      </c>
      <c r="E154" s="26" t="s">
        <v>1044</v>
      </c>
      <c r="F154" s="27" t="s">
        <v>228</v>
      </c>
      <c r="G154" s="28" t="s">
        <v>854</v>
      </c>
      <c r="H154" s="29" t="s">
        <v>855</v>
      </c>
    </row>
    <row r="155" spans="1:8" s="13" customFormat="1" x14ac:dyDescent="0.2">
      <c r="A155" s="15"/>
      <c r="B155" s="30"/>
      <c r="C155" s="24" t="s">
        <v>587</v>
      </c>
      <c r="D155" s="25" t="s">
        <v>588</v>
      </c>
      <c r="E155" s="26" t="s">
        <v>229</v>
      </c>
      <c r="F155" s="27" t="s">
        <v>230</v>
      </c>
      <c r="G155" s="28" t="s">
        <v>856</v>
      </c>
      <c r="H155" s="29" t="s">
        <v>857</v>
      </c>
    </row>
    <row r="156" spans="1:8" s="13" customFormat="1" x14ac:dyDescent="0.2">
      <c r="B156" s="30"/>
      <c r="C156" s="24" t="s">
        <v>589</v>
      </c>
      <c r="D156" s="25" t="s">
        <v>590</v>
      </c>
      <c r="E156" s="26" t="s">
        <v>231</v>
      </c>
      <c r="F156" s="27" t="s">
        <v>232</v>
      </c>
      <c r="G156" s="28" t="s">
        <v>858</v>
      </c>
      <c r="H156" s="29" t="s">
        <v>859</v>
      </c>
    </row>
    <row r="157" spans="1:8" s="13" customFormat="1" ht="13.5" thickBot="1" x14ac:dyDescent="0.25">
      <c r="B157" s="30"/>
      <c r="C157" s="41" t="s">
        <v>233</v>
      </c>
      <c r="D157" s="33" t="s">
        <v>591</v>
      </c>
      <c r="E157" s="34" t="s">
        <v>234</v>
      </c>
      <c r="F157" s="35" t="s">
        <v>235</v>
      </c>
      <c r="G157" s="36" t="s">
        <v>860</v>
      </c>
      <c r="H157" s="37" t="s">
        <v>861</v>
      </c>
    </row>
    <row r="158" spans="1:8" s="13" customFormat="1" x14ac:dyDescent="0.2">
      <c r="B158" s="16" t="s">
        <v>358</v>
      </c>
      <c r="C158" s="42" t="s">
        <v>359</v>
      </c>
      <c r="D158" s="40" t="s">
        <v>515</v>
      </c>
      <c r="E158" s="43" t="s">
        <v>1045</v>
      </c>
      <c r="F158" s="66" t="s">
        <v>1056</v>
      </c>
      <c r="G158" s="44" t="s">
        <v>745</v>
      </c>
      <c r="H158" s="45" t="s">
        <v>746</v>
      </c>
    </row>
    <row r="159" spans="1:8" s="13" customFormat="1" ht="13.5" thickBot="1" x14ac:dyDescent="0.25">
      <c r="B159" s="30" t="s">
        <v>516</v>
      </c>
      <c r="C159" s="41" t="s">
        <v>361</v>
      </c>
      <c r="D159" s="33" t="s">
        <v>517</v>
      </c>
      <c r="E159" s="34" t="s">
        <v>362</v>
      </c>
      <c r="F159" s="35" t="s">
        <v>1057</v>
      </c>
      <c r="G159" s="36" t="s">
        <v>747</v>
      </c>
      <c r="H159" s="37" t="s">
        <v>748</v>
      </c>
    </row>
    <row r="160" spans="1:8" s="13" customFormat="1" x14ac:dyDescent="0.2">
      <c r="B160" s="16" t="s">
        <v>363</v>
      </c>
      <c r="C160" s="17" t="s">
        <v>364</v>
      </c>
      <c r="D160" s="18" t="s">
        <v>518</v>
      </c>
      <c r="E160" s="19" t="s">
        <v>365</v>
      </c>
      <c r="F160" s="20" t="s">
        <v>1058</v>
      </c>
      <c r="G160" s="21" t="s">
        <v>849</v>
      </c>
      <c r="H160" s="29" t="s">
        <v>1082</v>
      </c>
    </row>
    <row r="161" spans="2:8" s="13" customFormat="1" x14ac:dyDescent="0.2">
      <c r="B161" s="30" t="s">
        <v>519</v>
      </c>
      <c r="C161" s="24" t="s">
        <v>520</v>
      </c>
      <c r="D161" s="25" t="s">
        <v>521</v>
      </c>
      <c r="E161" s="26" t="s">
        <v>366</v>
      </c>
      <c r="F161" s="27" t="s">
        <v>1059</v>
      </c>
      <c r="G161" s="28" t="s">
        <v>850</v>
      </c>
      <c r="H161" s="29" t="s">
        <v>1083</v>
      </c>
    </row>
    <row r="162" spans="2:8" s="13" customFormat="1" ht="13.5" thickBot="1" x14ac:dyDescent="0.25">
      <c r="B162" s="30"/>
      <c r="C162" s="41" t="s">
        <v>522</v>
      </c>
      <c r="D162" s="33" t="s">
        <v>523</v>
      </c>
      <c r="E162" s="34" t="s">
        <v>367</v>
      </c>
      <c r="F162" s="35" t="s">
        <v>1060</v>
      </c>
      <c r="G162" s="36" t="s">
        <v>851</v>
      </c>
      <c r="H162" s="29" t="s">
        <v>1084</v>
      </c>
    </row>
    <row r="163" spans="2:8" s="13" customFormat="1" x14ac:dyDescent="0.2">
      <c r="B163" s="16" t="s">
        <v>368</v>
      </c>
      <c r="C163" s="46" t="s">
        <v>646</v>
      </c>
      <c r="D163" s="47" t="s">
        <v>647</v>
      </c>
      <c r="E163" s="48" t="s">
        <v>369</v>
      </c>
      <c r="F163" s="67" t="s">
        <v>1061</v>
      </c>
      <c r="G163" s="49" t="s">
        <v>956</v>
      </c>
      <c r="H163" s="50" t="s">
        <v>957</v>
      </c>
    </row>
    <row r="164" spans="2:8" s="13" customFormat="1" x14ac:dyDescent="0.2">
      <c r="B164" s="30" t="s">
        <v>648</v>
      </c>
      <c r="C164" s="38" t="s">
        <v>649</v>
      </c>
      <c r="D164" s="25" t="s">
        <v>650</v>
      </c>
      <c r="E164" s="26" t="s">
        <v>370</v>
      </c>
      <c r="F164" s="27" t="s">
        <v>1062</v>
      </c>
      <c r="G164" s="28" t="s">
        <v>958</v>
      </c>
      <c r="H164" s="29" t="s">
        <v>959</v>
      </c>
    </row>
    <row r="165" spans="2:8" s="13" customFormat="1" ht="13.5" thickBot="1" x14ac:dyDescent="0.25">
      <c r="B165" s="31" t="s">
        <v>651</v>
      </c>
      <c r="C165" s="32" t="s">
        <v>429</v>
      </c>
      <c r="D165" s="33" t="s">
        <v>652</v>
      </c>
      <c r="E165" s="34" t="s">
        <v>653</v>
      </c>
      <c r="F165" s="33" t="s">
        <v>1063</v>
      </c>
      <c r="G165" s="36" t="s">
        <v>960</v>
      </c>
      <c r="H165" s="37" t="s">
        <v>960</v>
      </c>
    </row>
    <row r="166" spans="2:8" s="13" customFormat="1" x14ac:dyDescent="0.2">
      <c r="B166" s="30" t="s">
        <v>371</v>
      </c>
      <c r="C166" s="51" t="s">
        <v>654</v>
      </c>
      <c r="D166" s="52" t="s">
        <v>655</v>
      </c>
      <c r="E166" s="53" t="s">
        <v>372</v>
      </c>
      <c r="F166" s="68" t="s">
        <v>1064</v>
      </c>
      <c r="G166" s="54" t="s">
        <v>961</v>
      </c>
      <c r="H166" s="55" t="s">
        <v>962</v>
      </c>
    </row>
    <row r="167" spans="2:8" s="13" customFormat="1" ht="13.5" thickBot="1" x14ac:dyDescent="0.25">
      <c r="B167" s="31" t="s">
        <v>656</v>
      </c>
      <c r="C167" s="32" t="s">
        <v>373</v>
      </c>
      <c r="D167" s="33" t="s">
        <v>657</v>
      </c>
      <c r="E167" s="34" t="s">
        <v>374</v>
      </c>
      <c r="F167" s="35" t="s">
        <v>1065</v>
      </c>
      <c r="G167" s="36" t="s">
        <v>963</v>
      </c>
      <c r="H167" s="37" t="s">
        <v>964</v>
      </c>
    </row>
    <row r="168" spans="2:8" s="13" customFormat="1" ht="13.5" thickBot="1" x14ac:dyDescent="0.25">
      <c r="B168" s="56" t="s">
        <v>439</v>
      </c>
      <c r="C168" s="57" t="s">
        <v>375</v>
      </c>
      <c r="D168" s="58" t="s">
        <v>662</v>
      </c>
      <c r="E168" s="59" t="s">
        <v>376</v>
      </c>
      <c r="F168" s="69" t="s">
        <v>1066</v>
      </c>
      <c r="G168" s="60" t="s">
        <v>971</v>
      </c>
      <c r="H168" s="61" t="s">
        <v>972</v>
      </c>
    </row>
    <row r="169" spans="2:8" s="13" customFormat="1" ht="13.5" thickBot="1" x14ac:dyDescent="0.25">
      <c r="B169" s="56" t="s">
        <v>440</v>
      </c>
      <c r="C169" s="57" t="s">
        <v>377</v>
      </c>
      <c r="D169" s="58" t="s">
        <v>663</v>
      </c>
      <c r="E169" s="59" t="s">
        <v>378</v>
      </c>
      <c r="F169" s="69" t="s">
        <v>1067</v>
      </c>
      <c r="G169" s="60" t="s">
        <v>973</v>
      </c>
      <c r="H169" s="61" t="s">
        <v>974</v>
      </c>
    </row>
    <row r="170" spans="2:8" s="13" customFormat="1" ht="13.5" thickBot="1" x14ac:dyDescent="0.25">
      <c r="B170" s="56" t="s">
        <v>1047</v>
      </c>
      <c r="C170" s="62" t="s">
        <v>664</v>
      </c>
      <c r="D170" s="52" t="s">
        <v>187</v>
      </c>
      <c r="E170" s="53" t="s">
        <v>379</v>
      </c>
      <c r="F170" s="68" t="s">
        <v>1068</v>
      </c>
      <c r="G170" s="54" t="s">
        <v>1019</v>
      </c>
      <c r="H170" s="63" t="s">
        <v>1034</v>
      </c>
    </row>
    <row r="171" spans="2:8" s="13" customFormat="1" ht="13.5" thickBot="1" x14ac:dyDescent="0.25">
      <c r="B171" s="56" t="s">
        <v>1010</v>
      </c>
      <c r="C171" s="64" t="s">
        <v>1011</v>
      </c>
      <c r="D171" s="58" t="s">
        <v>665</v>
      </c>
      <c r="E171" s="59" t="s">
        <v>380</v>
      </c>
      <c r="F171" s="69" t="s">
        <v>1069</v>
      </c>
      <c r="G171" s="60" t="s">
        <v>975</v>
      </c>
      <c r="H171" s="61" t="s">
        <v>976</v>
      </c>
    </row>
    <row r="172" spans="2:8" s="13" customFormat="1" ht="13.5" thickBot="1" x14ac:dyDescent="0.25">
      <c r="B172" s="31" t="s">
        <v>441</v>
      </c>
      <c r="C172" s="41" t="s">
        <v>381</v>
      </c>
      <c r="D172" s="33" t="s">
        <v>666</v>
      </c>
      <c r="E172" s="34" t="s">
        <v>382</v>
      </c>
      <c r="F172" s="35" t="s">
        <v>1070</v>
      </c>
      <c r="G172" s="36" t="s">
        <v>977</v>
      </c>
      <c r="H172" s="37" t="s">
        <v>978</v>
      </c>
    </row>
    <row r="173" spans="2:8" s="13" customFormat="1" ht="13.5" customHeight="1" thickBot="1" x14ac:dyDescent="0.25">
      <c r="B173" s="16" t="s">
        <v>442</v>
      </c>
      <c r="C173" s="65" t="s">
        <v>383</v>
      </c>
      <c r="D173" s="47" t="s">
        <v>686</v>
      </c>
      <c r="E173" s="48" t="s">
        <v>384</v>
      </c>
      <c r="F173" s="67" t="s">
        <v>1071</v>
      </c>
      <c r="G173" s="49" t="s">
        <v>1035</v>
      </c>
      <c r="H173" s="50" t="s">
        <v>1036</v>
      </c>
    </row>
    <row r="174" spans="2:8" s="13" customFormat="1" ht="13.5" customHeight="1" thickBot="1" x14ac:dyDescent="0.25">
      <c r="B174" s="56" t="s">
        <v>443</v>
      </c>
      <c r="C174" s="57" t="s">
        <v>385</v>
      </c>
      <c r="D174" s="58" t="s">
        <v>687</v>
      </c>
      <c r="E174" s="59" t="s">
        <v>386</v>
      </c>
      <c r="F174" s="69" t="s">
        <v>1072</v>
      </c>
      <c r="G174" s="60" t="s">
        <v>1001</v>
      </c>
      <c r="H174" s="61" t="s">
        <v>1002</v>
      </c>
    </row>
    <row r="175" spans="2:8" s="13" customFormat="1" ht="13.5" customHeight="1" thickBot="1" x14ac:dyDescent="0.25">
      <c r="B175" s="56" t="s">
        <v>444</v>
      </c>
      <c r="C175" s="41" t="s">
        <v>387</v>
      </c>
      <c r="D175" s="33" t="s">
        <v>688</v>
      </c>
      <c r="E175" s="34" t="s">
        <v>1046</v>
      </c>
      <c r="F175" s="35" t="s">
        <v>1073</v>
      </c>
      <c r="G175" s="36" t="s">
        <v>1003</v>
      </c>
      <c r="H175" s="37" t="s">
        <v>1004</v>
      </c>
    </row>
    <row r="176" spans="2:8" s="13" customFormat="1" x14ac:dyDescent="0.2">
      <c r="B176" s="16" t="s">
        <v>388</v>
      </c>
      <c r="C176" s="46" t="s">
        <v>592</v>
      </c>
      <c r="D176" s="47" t="s">
        <v>593</v>
      </c>
      <c r="E176" s="48" t="s">
        <v>389</v>
      </c>
      <c r="F176" s="67" t="s">
        <v>1074</v>
      </c>
      <c r="G176" s="49" t="s">
        <v>817</v>
      </c>
      <c r="H176" s="50" t="s">
        <v>818</v>
      </c>
    </row>
    <row r="177" spans="1:8" s="13" customFormat="1" x14ac:dyDescent="0.2">
      <c r="B177" s="30" t="s">
        <v>438</v>
      </c>
      <c r="C177" s="24" t="s">
        <v>594</v>
      </c>
      <c r="D177" s="25" t="s">
        <v>595</v>
      </c>
      <c r="E177" s="26" t="s">
        <v>390</v>
      </c>
      <c r="F177" s="27" t="s">
        <v>1075</v>
      </c>
      <c r="G177" s="28" t="s">
        <v>819</v>
      </c>
      <c r="H177" s="29" t="s">
        <v>820</v>
      </c>
    </row>
    <row r="178" spans="1:8" s="13" customFormat="1" ht="13.5" thickBot="1" x14ac:dyDescent="0.25">
      <c r="B178" s="31"/>
      <c r="C178" s="41" t="s">
        <v>391</v>
      </c>
      <c r="D178" s="33" t="s">
        <v>596</v>
      </c>
      <c r="E178" s="34" t="s">
        <v>597</v>
      </c>
      <c r="F178" s="35" t="s">
        <v>1076</v>
      </c>
      <c r="G178" s="36" t="s">
        <v>821</v>
      </c>
      <c r="H178" s="37" t="s">
        <v>822</v>
      </c>
    </row>
    <row r="179" spans="1:8" s="13" customFormat="1" x14ac:dyDescent="0.2">
      <c r="B179" s="30" t="s">
        <v>392</v>
      </c>
      <c r="C179" s="62" t="s">
        <v>393</v>
      </c>
      <c r="D179" s="52" t="s">
        <v>598</v>
      </c>
      <c r="E179" s="53" t="s">
        <v>394</v>
      </c>
      <c r="F179" s="68" t="s">
        <v>1077</v>
      </c>
      <c r="G179" s="54" t="s">
        <v>823</v>
      </c>
      <c r="H179" s="55" t="s">
        <v>824</v>
      </c>
    </row>
    <row r="180" spans="1:8" s="13" customFormat="1" ht="13.5" thickBot="1" x14ac:dyDescent="0.25">
      <c r="B180" s="31" t="s">
        <v>360</v>
      </c>
      <c r="C180" s="41" t="s">
        <v>395</v>
      </c>
      <c r="D180" s="33" t="s">
        <v>599</v>
      </c>
      <c r="E180" s="34" t="s">
        <v>396</v>
      </c>
      <c r="F180" s="35" t="s">
        <v>1078</v>
      </c>
      <c r="G180" s="36" t="s">
        <v>825</v>
      </c>
      <c r="H180" s="37" t="s">
        <v>826</v>
      </c>
    </row>
    <row r="184" spans="1:8" x14ac:dyDescent="0.2">
      <c r="A184" s="4"/>
    </row>
    <row r="213" ht="14.25" customHeight="1" x14ac:dyDescent="0.2"/>
  </sheetData>
  <mergeCells count="2">
    <mergeCell ref="G3:H3"/>
    <mergeCell ref="J99:L99"/>
  </mergeCells>
  <phoneticPr fontId="1"/>
  <dataValidations count="3">
    <dataValidation type="custom" allowBlank="1" showInputMessage="1" showErrorMessage="1" error="登録済みです！" sqref="F53:F61">
      <formula1>COUNTIF(H:H,F53)&lt;2</formula1>
    </dataValidation>
    <dataValidation type="custom" allowBlank="1" showInputMessage="1" showErrorMessage="1" error="登録済みです！" sqref="H5:H43 H136:H159 H163:H169 H171:H246 H99:H123 H72:H80 H82 H132:H133">
      <formula1>COUNTIF(H:H,H5)&lt;2</formula1>
    </dataValidation>
    <dataValidation type="custom" allowBlank="1" showInputMessage="1" showErrorMessage="1" error="かぶってる" sqref="H54:H71">
      <formula1>COUNTIF(H:H,H54)&lt;2</formula1>
    </dataValidation>
  </dataValidations>
  <printOptions horizontalCentered="1"/>
  <pageMargins left="0.78740157480314965" right="0.78740157480314965" top="0.59055118110236227" bottom="0.59055118110236227" header="0" footer="0"/>
  <pageSetup paperSize="9" scale="64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中学校（横浜市・川崎市・相模原市以外）</vt:lpstr>
      <vt:lpstr>'中学校（横浜市・川崎市・相模原市以外）'!Print_Area</vt:lpstr>
      <vt:lpstr>'中学校（横浜市・川崎市・相模原市以外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2-03-24T05:25:29Z</cp:lastPrinted>
  <dcterms:created xsi:type="dcterms:W3CDTF">2009-12-22T05:33:52Z</dcterms:created>
  <dcterms:modified xsi:type="dcterms:W3CDTF">2024-03-26T06:47:03Z</dcterms:modified>
</cp:coreProperties>
</file>